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17D3F556" w14:textId="77777777" w:rsidR="004B19EB" w:rsidRDefault="004B19EB" w:rsidP="004B19EB">
      <w:pPr>
        <w:jc w:val="right"/>
        <w:rPr>
          <w:rFonts w:ascii="Avenir" w:eastAsia="Avenir" w:hAnsi="Avenir" w:cs="Avenir"/>
        </w:rPr>
      </w:pPr>
    </w:p>
    <w:p w14:paraId="3977B158" w14:textId="77777777" w:rsidR="004B19EB" w:rsidRDefault="004B19EB" w:rsidP="004B19EB">
      <w:pPr>
        <w:jc w:val="right"/>
        <w:rPr>
          <w:rFonts w:ascii="Avenir" w:eastAsia="Avenir" w:hAnsi="Avenir" w:cs="Avenir"/>
        </w:rPr>
      </w:pPr>
    </w:p>
    <w:p w14:paraId="3FDB5349" w14:textId="77777777" w:rsidR="004B19EB" w:rsidRDefault="004B19EB" w:rsidP="004B19EB">
      <w:pPr>
        <w:jc w:val="right"/>
        <w:rPr>
          <w:rFonts w:ascii="Avenir" w:eastAsia="Avenir" w:hAnsi="Avenir" w:cs="Avenir"/>
        </w:rPr>
      </w:pPr>
      <w:r>
        <w:rPr>
          <w:noProof/>
        </w:rPr>
        <w:drawing>
          <wp:anchor distT="114300" distB="114300" distL="114300" distR="114300" simplePos="0" relativeHeight="251659264" behindDoc="0" locked="0" layoutInCell="1" hidden="0" allowOverlap="1" wp14:anchorId="5287DB80" wp14:editId="40FCA9B2">
            <wp:simplePos x="0" y="0"/>
            <wp:positionH relativeFrom="column">
              <wp:posOffset>-85724</wp:posOffset>
            </wp:positionH>
            <wp:positionV relativeFrom="paragraph">
              <wp:posOffset>152400</wp:posOffset>
            </wp:positionV>
            <wp:extent cx="2224088" cy="1159703"/>
            <wp:effectExtent l="0" t="0" r="0" b="0"/>
            <wp:wrapSquare wrapText="bothSides" distT="114300" distB="114300" distL="114300" distR="114300"/>
            <wp:docPr id="1" name="image1.png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image1.png"/>
                    <pic:cNvPicPr preferRelativeResize="0"/>
                  </pic:nvPicPr>
                  <pic:blipFill>
                    <a:blip r:embed="rId7"/>
                    <a:srcRect/>
                    <a:stretch>
                      <a:fillRect/>
                    </a:stretch>
                  </pic:blipFill>
                  <pic:spPr>
                    <a:xfrm>
                      <a:off x="0" y="0"/>
                      <a:ext cx="2224088" cy="1159703"/>
                    </a:xfrm>
                    <a:prstGeom prst="rect">
                      <a:avLst/>
                    </a:prstGeom>
                    <a:ln/>
                  </pic:spPr>
                </pic:pic>
              </a:graphicData>
            </a:graphic>
          </wp:anchor>
        </w:drawing>
      </w:r>
    </w:p>
    <w:p w14:paraId="513D967A" w14:textId="73E6829D" w:rsidR="001B58AB" w:rsidRPr="00D22F4F" w:rsidRDefault="00E914D5" w:rsidP="004B19EB">
      <w:pPr>
        <w:jc w:val="right"/>
        <w:rPr>
          <w:rFonts w:ascii="Avenir" w:eastAsia="Avenir" w:hAnsi="Avenir" w:cs="Avenir"/>
          <w:sz w:val="16"/>
          <w:szCs w:val="16"/>
        </w:rPr>
      </w:pPr>
      <w:r w:rsidRPr="00D22F4F">
        <w:rPr>
          <w:rFonts w:ascii="Avenir" w:eastAsia="Avenir" w:hAnsi="Avenir" w:cs="Avenir"/>
          <w:sz w:val="16"/>
          <w:szCs w:val="16"/>
        </w:rPr>
        <w:t>Food Panda Philippines, Inc</w:t>
      </w:r>
      <w:r w:rsidR="001B58AB" w:rsidRPr="00D22F4F">
        <w:rPr>
          <w:rFonts w:ascii="Avenir" w:eastAsia="Avenir" w:hAnsi="Avenir" w:cs="Avenir"/>
          <w:sz w:val="16"/>
          <w:szCs w:val="16"/>
        </w:rPr>
        <w:t>.</w:t>
      </w:r>
    </w:p>
    <w:p w14:paraId="6BCEF344" w14:textId="77777777" w:rsidR="00E914D5" w:rsidRPr="00D22F4F" w:rsidRDefault="00E914D5" w:rsidP="001B58AB">
      <w:pPr>
        <w:jc w:val="right"/>
        <w:rPr>
          <w:rFonts w:ascii="Avenir" w:eastAsia="Avenir" w:hAnsi="Avenir" w:cs="Avenir"/>
          <w:sz w:val="16"/>
          <w:szCs w:val="16"/>
        </w:rPr>
      </w:pPr>
      <w:r w:rsidRPr="00D22F4F">
        <w:rPr>
          <w:rFonts w:ascii="Avenir" w:eastAsia="Avenir" w:hAnsi="Avenir" w:cs="Avenir"/>
          <w:sz w:val="16"/>
          <w:szCs w:val="16"/>
        </w:rPr>
        <w:t xml:space="preserve">PH1 6780 </w:t>
      </w:r>
      <w:proofErr w:type="spellStart"/>
      <w:r w:rsidRPr="00D22F4F">
        <w:rPr>
          <w:rFonts w:ascii="Avenir" w:eastAsia="Avenir" w:hAnsi="Avenir" w:cs="Avenir"/>
          <w:sz w:val="16"/>
          <w:szCs w:val="16"/>
        </w:rPr>
        <w:t>Jaka</w:t>
      </w:r>
      <w:proofErr w:type="spellEnd"/>
      <w:r w:rsidRPr="00D22F4F">
        <w:rPr>
          <w:rFonts w:ascii="Avenir" w:eastAsia="Avenir" w:hAnsi="Avenir" w:cs="Avenir"/>
          <w:sz w:val="16"/>
          <w:szCs w:val="16"/>
        </w:rPr>
        <w:t xml:space="preserve"> Building, Ayala Ave.,</w:t>
      </w:r>
    </w:p>
    <w:p w14:paraId="55035502" w14:textId="16170206" w:rsidR="001B58AB" w:rsidRPr="001B58AB" w:rsidRDefault="00E914D5" w:rsidP="001B58AB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D22F4F">
        <w:rPr>
          <w:rFonts w:ascii="Avenir" w:eastAsia="Avenir" w:hAnsi="Avenir" w:cs="Avenir"/>
          <w:sz w:val="16"/>
          <w:szCs w:val="16"/>
        </w:rPr>
        <w:t>Legazpi Village, Makati City 1226</w:t>
      </w:r>
    </w:p>
    <w:p w14:paraId="74C4AB7A" w14:textId="77777777" w:rsidR="004B19EB" w:rsidRPr="00687594" w:rsidRDefault="004B19EB" w:rsidP="004B19EB">
      <w:pPr>
        <w:rPr>
          <w:rFonts w:ascii="Avenir LT Std 35 Light" w:eastAsia="Avenir" w:hAnsi="Avenir LT Std 35 Light" w:cs="Avenir"/>
        </w:rPr>
      </w:pPr>
    </w:p>
    <w:p w14:paraId="75037AA1" w14:textId="77777777" w:rsidR="000D249A" w:rsidRDefault="000D249A" w:rsidP="004B19EB">
      <w:pPr>
        <w:jc w:val="center"/>
        <w:rPr>
          <w:rFonts w:ascii="Avenir LT Std 35 Light" w:eastAsia="Avenir" w:hAnsi="Avenir LT Std 35 Light" w:cs="Avenir"/>
          <w:b/>
          <w:u w:val="single"/>
        </w:rPr>
      </w:pPr>
    </w:p>
    <w:p w14:paraId="706D4AD7" w14:textId="77777777" w:rsidR="000D249A" w:rsidRDefault="000D249A" w:rsidP="004B19EB">
      <w:pPr>
        <w:jc w:val="center"/>
        <w:rPr>
          <w:rFonts w:ascii="Avenir LT Std 35 Light" w:eastAsia="Avenir" w:hAnsi="Avenir LT Std 35 Light" w:cs="Avenir"/>
          <w:b/>
          <w:u w:val="single"/>
        </w:rPr>
      </w:pPr>
    </w:p>
    <w:p w14:paraId="5941DD4F" w14:textId="77777777" w:rsidR="000D249A" w:rsidRDefault="000D249A" w:rsidP="000D249A">
      <w:pPr>
        <w:rPr>
          <w:rFonts w:ascii="Avenir LT Std 35 Light" w:eastAsia="Avenir" w:hAnsi="Avenir LT Std 35 Light" w:cs="Avenir"/>
          <w:b/>
          <w:u w:val="single"/>
        </w:rPr>
      </w:pPr>
    </w:p>
    <w:p w14:paraId="110243FB" w14:textId="393712F8" w:rsidR="004B19EB" w:rsidRPr="008C232E" w:rsidRDefault="004B19EB" w:rsidP="00402B5A">
      <w:pPr>
        <w:jc w:val="both"/>
        <w:rPr>
          <w:rFonts w:ascii="Avenir LT Std 35 Light" w:eastAsia="Avenir" w:hAnsi="Avenir LT Std 35 Light" w:cs="Avenir"/>
          <w:b/>
          <w:u w:val="single"/>
        </w:rPr>
      </w:pPr>
      <w:r w:rsidRPr="008C232E">
        <w:rPr>
          <w:rFonts w:ascii="Avenir LT Std 35 Light" w:eastAsia="Avenir" w:hAnsi="Avenir LT Std 35 Light" w:cs="Avenir"/>
          <w:b/>
          <w:u w:val="single"/>
        </w:rPr>
        <w:t xml:space="preserve">Vendor </w:t>
      </w:r>
      <w:r w:rsidR="008C232E" w:rsidRPr="008C232E">
        <w:rPr>
          <w:rFonts w:ascii="Avenir LT Std 35 Light" w:eastAsia="Avenir" w:hAnsi="Avenir LT Std 35 Light" w:cs="Avenir"/>
          <w:b/>
          <w:u w:val="single"/>
        </w:rPr>
        <w:t>Agreement</w:t>
      </w:r>
      <w:r w:rsidRPr="008C232E">
        <w:rPr>
          <w:rFonts w:ascii="Avenir LT Std 35 Light" w:eastAsia="Avenir" w:hAnsi="Avenir LT Std 35 Light" w:cs="Avenir"/>
          <w:b/>
          <w:u w:val="single"/>
        </w:rPr>
        <w:t xml:space="preserve"> Form</w:t>
      </w:r>
    </w:p>
    <w:p w14:paraId="1EF6A796" w14:textId="3653D8A1" w:rsidR="004B19EB" w:rsidRPr="00687594" w:rsidRDefault="00443D19" w:rsidP="004B19EB">
      <w:pPr>
        <w:rPr>
          <w:rFonts w:ascii="Avenir LT Std 35 Light" w:eastAsia="Avenir" w:hAnsi="Avenir LT Std 35 Light" w:cs="Avenir"/>
          <w:b/>
          <w:sz w:val="28"/>
          <w:szCs w:val="28"/>
        </w:rPr>
      </w:pPr>
      <w:r w:rsidRPr="00687594">
        <w:rPr>
          <w:rFonts w:ascii="Avenir LT Std 35 Light" w:eastAsia="Avenir" w:hAnsi="Avenir LT Std 35 Light" w:cs="Avenir"/>
          <w:b/>
          <w:sz w:val="28"/>
          <w:szCs w:val="28"/>
        </w:rPr>
        <w:tab/>
      </w:r>
    </w:p>
    <w:p w14:paraId="4244BA5D" w14:textId="6BFA7290" w:rsidR="00931BAD" w:rsidRPr="00A94170" w:rsidRDefault="00931BAD" w:rsidP="004B19EB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A94170">
        <w:rPr>
          <w:rFonts w:ascii="Avenir LT Std 35 Light" w:eastAsia="Avenir" w:hAnsi="Avenir LT Std 35 Light" w:cs="Avenir"/>
          <w:sz w:val="16"/>
          <w:szCs w:val="16"/>
        </w:rPr>
        <w:t>&lt;&lt;</w:t>
      </w:r>
      <w:proofErr w:type="spellStart"/>
      <w:r w:rsidRPr="00A94170">
        <w:rPr>
          <w:rFonts w:ascii="Avenir LT Std 35 Light" w:eastAsia="Avenir" w:hAnsi="Avenir LT Std 35 Light" w:cs="Avenir"/>
          <w:sz w:val="16"/>
          <w:szCs w:val="16"/>
        </w:rPr>
        <w:t>Id_OpportunityOwner_FullName</w:t>
      </w:r>
      <w:proofErr w:type="spellEnd"/>
      <w:r w:rsidRPr="00A94170">
        <w:rPr>
          <w:rFonts w:ascii="Avenir LT Std 35 Light" w:eastAsia="Avenir" w:hAnsi="Avenir LT Std 35 Light" w:cs="Avenir"/>
          <w:sz w:val="16"/>
          <w:szCs w:val="16"/>
        </w:rPr>
        <w:t>&gt;&gt;</w:t>
      </w:r>
    </w:p>
    <w:p w14:paraId="09B5BBD5" w14:textId="62ADD802" w:rsidR="009E3E35" w:rsidRPr="00A94170" w:rsidRDefault="009E3E35" w:rsidP="004B19EB">
      <w:pPr>
        <w:jc w:val="right"/>
        <w:rPr>
          <w:rFonts w:ascii="Avenir LT Std 35 Light" w:eastAsia="Avenir" w:hAnsi="Avenir LT Std 35 Light" w:cs="Avenir"/>
          <w:sz w:val="16"/>
          <w:szCs w:val="16"/>
        </w:rPr>
      </w:pPr>
      <w:r w:rsidRPr="00A94170">
        <w:rPr>
          <w:rFonts w:ascii="Avenir LT Std 35 Light" w:eastAsia="Avenir" w:hAnsi="Avenir LT Std 35 Light" w:cs="Avenir"/>
          <w:sz w:val="16"/>
          <w:szCs w:val="16"/>
        </w:rPr>
        <w:t>&lt;&lt;</w:t>
      </w:r>
      <w:proofErr w:type="spellStart"/>
      <w:r w:rsidRPr="00A94170">
        <w:rPr>
          <w:rFonts w:ascii="Avenir LT Std 35 Light" w:eastAsia="Avenir" w:hAnsi="Avenir LT Std 35 Light" w:cs="Avenir"/>
          <w:sz w:val="16"/>
          <w:szCs w:val="16"/>
        </w:rPr>
        <w:t>Id_OpportunityOwner_Email</w:t>
      </w:r>
      <w:proofErr w:type="spellEnd"/>
      <w:r w:rsidRPr="00A94170">
        <w:rPr>
          <w:rFonts w:ascii="Avenir LT Std 35 Light" w:eastAsia="Avenir" w:hAnsi="Avenir LT Std 35 Light" w:cs="Avenir"/>
          <w:sz w:val="16"/>
          <w:szCs w:val="16"/>
        </w:rPr>
        <w:t>&gt;&gt;</w:t>
      </w:r>
    </w:p>
    <w:p w14:paraId="4027574D" w14:textId="05EA546E" w:rsidR="004B19EB" w:rsidRPr="00A94170" w:rsidRDefault="00201101" w:rsidP="004B19EB">
      <w:pPr>
        <w:jc w:val="right"/>
        <w:rPr>
          <w:rFonts w:ascii="Avenir LT Std 35 Light" w:eastAsia="Avenir" w:hAnsi="Avenir LT Std 35 Light" w:cs="Avenir"/>
          <w:b/>
          <w:sz w:val="16"/>
          <w:szCs w:val="16"/>
        </w:rPr>
      </w:pPr>
      <w:r w:rsidRPr="00A94170">
        <w:rPr>
          <w:rFonts w:ascii="Avenir LT Std 35 Light" w:eastAsia="Avenir" w:hAnsi="Avenir LT Std 35 Light" w:cs="Avenir"/>
          <w:sz w:val="16"/>
          <w:szCs w:val="16"/>
        </w:rPr>
        <w:t>&lt;&lt;</w:t>
      </w:r>
      <w:proofErr w:type="spellStart"/>
      <w:r w:rsidRPr="00A94170">
        <w:rPr>
          <w:rFonts w:ascii="Avenir LT Std 35 Light" w:eastAsia="Avenir" w:hAnsi="Avenir LT Std 35 Light" w:cs="Avenir"/>
          <w:sz w:val="16"/>
          <w:szCs w:val="16"/>
        </w:rPr>
        <w:t>Opportunity_Quote_CreatedDate</w:t>
      </w:r>
      <w:proofErr w:type="spellEnd"/>
      <w:r w:rsidRPr="00A94170">
        <w:rPr>
          <w:rFonts w:ascii="Avenir LT Std 35 Light" w:eastAsia="Avenir" w:hAnsi="Avenir LT Std 35 Light" w:cs="Avenir"/>
          <w:sz w:val="16"/>
          <w:szCs w:val="16"/>
        </w:rPr>
        <w:t>&gt;&gt;</w:t>
      </w:r>
    </w:p>
    <w:p w14:paraId="7F08A97F" w14:textId="77777777" w:rsidR="00B9307A" w:rsidRPr="00A94170" w:rsidRDefault="00B9307A" w:rsidP="004B19EB">
      <w:pPr>
        <w:rPr>
          <w:rFonts w:ascii="Avenir LT Std 35 Light" w:eastAsia="Avenir" w:hAnsi="Avenir LT Std 35 Light" w:cs="Avenir"/>
          <w:b/>
          <w:sz w:val="16"/>
          <w:szCs w:val="16"/>
        </w:rPr>
      </w:pPr>
      <w:bookmarkStart w:id="0" w:name="_Hlk31192028"/>
    </w:p>
    <w:p w14:paraId="56B2B7D4" w14:textId="31BB1F6F" w:rsidR="00793B8E" w:rsidRPr="00793B8E" w:rsidRDefault="00793B8E" w:rsidP="00793B8E">
      <w:pPr>
        <w:rPr>
          <w:rFonts w:ascii="Avenir LT Std 35 Light" w:hAnsi="Avenir LT Std 35 Light"/>
          <w:b/>
          <w:sz w:val="16"/>
          <w:szCs w:val="16"/>
        </w:rPr>
      </w:pPr>
      <w:bookmarkStart w:id="1" w:name="_Hlk31191778"/>
      <w:r>
        <w:rPr>
          <w:rFonts w:ascii="Avenir LT Std 35 Light" w:hAnsi="Avenir LT Std 35 Light"/>
          <w:b/>
          <w:sz w:val="16"/>
          <w:szCs w:val="16"/>
        </w:rPr>
        <w:t>1</w:t>
      </w:r>
      <w:r w:rsidRPr="00A94170">
        <w:rPr>
          <w:rFonts w:ascii="Avenir LT Std 35 Light" w:hAnsi="Avenir LT Std 35 Light"/>
          <w:b/>
          <w:sz w:val="16"/>
          <w:szCs w:val="16"/>
        </w:rPr>
        <w:t xml:space="preserve">. </w:t>
      </w:r>
      <w:r>
        <w:rPr>
          <w:rFonts w:ascii="Avenir LT Std 35 Light" w:hAnsi="Avenir LT Std 35 Light"/>
          <w:b/>
          <w:sz w:val="16"/>
          <w:szCs w:val="16"/>
        </w:rPr>
        <w:t>Vendor Information</w:t>
      </w:r>
      <w:r w:rsidRPr="00A94170">
        <w:rPr>
          <w:rFonts w:ascii="Avenir LT Std 35 Light" w:hAnsi="Avenir LT Std 35 Light"/>
          <w:b/>
          <w:sz w:val="16"/>
          <w:szCs w:val="16"/>
        </w:rPr>
        <w:t xml:space="preserve"> </w:t>
      </w:r>
    </w:p>
    <w:tbl>
      <w:tblPr>
        <w:tblW w:w="5000" w:type="pct"/>
        <w:tblBorders>
          <w:top w:val="single" w:sz="8" w:space="0" w:color="000000"/>
          <w:left w:val="single" w:sz="8" w:space="0" w:color="000000"/>
          <w:bottom w:val="single" w:sz="8" w:space="0" w:color="000000"/>
          <w:right w:val="single" w:sz="8" w:space="0" w:color="000000"/>
          <w:insideH w:val="single" w:sz="8" w:space="0" w:color="000000"/>
          <w:insideV w:val="single" w:sz="8" w:space="0" w:color="000000"/>
        </w:tblBorders>
        <w:tblLook w:val="0600" w:firstRow="0" w:lastRow="0" w:firstColumn="0" w:lastColumn="0" w:noHBand="1" w:noVBand="1"/>
      </w:tblPr>
      <w:tblGrid>
        <w:gridCol w:w="4405"/>
        <w:gridCol w:w="4296"/>
        <w:gridCol w:w="549"/>
      </w:tblGrid>
      <w:tr w:rsidR="00C625EF" w:rsidRPr="00A94170" w14:paraId="65182125" w14:textId="77777777" w:rsidTr="00377C6B">
        <w:trPr>
          <w:gridAfter w:val="1"/>
          <w:wAfter w:w="297" w:type="pct"/>
        </w:trPr>
        <w:tc>
          <w:tcPr>
            <w:tcW w:w="2381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D04E7EA" w14:textId="77777777" w:rsidR="004B19EB" w:rsidRPr="00A94170" w:rsidRDefault="004B19EB" w:rsidP="00E26CD0">
            <w:pPr>
              <w:rPr>
                <w:rFonts w:ascii="Avenir LT Std 35 Light" w:eastAsia="Avenir" w:hAnsi="Avenir LT Std 35 Light" w:cs="Avenir"/>
                <w:color w:val="0000FF"/>
                <w:sz w:val="16"/>
                <w:szCs w:val="16"/>
              </w:rPr>
            </w:pPr>
            <w:bookmarkStart w:id="2" w:name="_Hlk31191762"/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endor contact details</w:t>
            </w:r>
          </w:p>
        </w:tc>
        <w:tc>
          <w:tcPr>
            <w:tcW w:w="2322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041BDB9" w14:textId="77777777" w:rsidR="004B19EB" w:rsidRPr="00A94170" w:rsidRDefault="004B19EB" w:rsidP="00E26CD0">
            <w:pPr>
              <w:ind w:right="-2385"/>
              <w:rPr>
                <w:rFonts w:ascii="Avenir LT Std 35 Light" w:eastAsia="Avenir" w:hAnsi="Avenir LT Std 35 Light" w:cs="Avenir"/>
                <w:color w:val="0000FF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endor Invoice details</w:t>
            </w:r>
          </w:p>
        </w:tc>
      </w:tr>
      <w:tr w:rsidR="00C625EF" w:rsidRPr="00A94170" w14:paraId="29134317" w14:textId="77777777" w:rsidTr="00377C6B">
        <w:trPr>
          <w:trHeight w:val="2026"/>
        </w:trPr>
        <w:tc>
          <w:tcPr>
            <w:tcW w:w="2381" w:type="pct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C977889" w14:textId="0483AF7B" w:rsidR="00826DA0" w:rsidRDefault="004B19EB" w:rsidP="00E26CD0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Account Name </w:t>
            </w:r>
            <w:r w:rsidR="009846B4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9846B4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Legal_Name</w:t>
            </w:r>
            <w:proofErr w:type="spellEnd"/>
            <w:r w:rsidR="009846B4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="00671567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,</w:t>
            </w:r>
            <w:r w:rsidR="009846B4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="00781532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781532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Name</w:t>
            </w:r>
            <w:proofErr w:type="spellEnd"/>
            <w:r w:rsidR="00781532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br/>
              <w:t xml:space="preserve">Registered Office Address </w:t>
            </w:r>
            <w:r w:rsidR="00AA4ECB" w:rsidRPr="00AA4ECB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AA4ECB" w:rsidRPr="00AA4ECB">
              <w:rPr>
                <w:rFonts w:ascii="Avenir LT Std 35 Light" w:eastAsia="Avenir" w:hAnsi="Avenir LT Std 35 Light" w:cs="Avenir"/>
                <w:sz w:val="16"/>
                <w:szCs w:val="16"/>
              </w:rPr>
              <w:t>restaurantAddressValues_AddressLine</w:t>
            </w:r>
            <w:proofErr w:type="spellEnd"/>
            <w:r w:rsidR="00AA4ECB" w:rsidRPr="00AA4ECB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7B9514B5" w14:textId="5E403DFC" w:rsidR="00E914D5" w:rsidRPr="00AB57CB" w:rsidRDefault="00E914D5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E914D5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TIN</w:t>
            </w:r>
            <w:r w:rsidR="00AB57CB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 </w:t>
            </w:r>
            <w:r w:rsidRPr="00E914D5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r w:rsidR="00AB57CB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proofErr w:type="spellStart"/>
            <w:r w:rsidR="00AB57CB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</w:t>
            </w:r>
            <w:r w:rsidRPr="00E914D5">
              <w:rPr>
                <w:rFonts w:ascii="Avenir LT Std 35 Light" w:eastAsia="Avenir" w:hAnsi="Avenir LT Std 35 Light" w:cs="Avenir"/>
                <w:sz w:val="16"/>
                <w:szCs w:val="16"/>
              </w:rPr>
              <w:t>_Tax_Number</w:t>
            </w:r>
            <w:proofErr w:type="spellEnd"/>
            <w:r w:rsidRPr="00E914D5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4538231A" w14:textId="1C8A781C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Representative Nam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Salutation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firstnam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lastnam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15A76893" w14:textId="10F2976C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Phon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Phon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526397DB" w14:textId="3ED0E1C3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Mobil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Mobilephon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51C59F33" w14:textId="2CF198B3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Email Address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ContactValues_Email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2619" w:type="pct"/>
            <w:gridSpan w:val="2"/>
            <w:tcBorders>
              <w:top w:val="single" w:sz="8" w:space="0" w:color="FFFFFF"/>
              <w:left w:val="single" w:sz="8" w:space="0" w:color="FFFFFF"/>
              <w:bottom w:val="single" w:sz="8" w:space="0" w:color="FFFFFF"/>
              <w:right w:val="single" w:sz="8" w:space="0" w:color="FFFFFF"/>
            </w:tcBorders>
            <w:shd w:val="clear" w:color="auto" w:fill="auto"/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5793DEC" w14:textId="54CA140B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Nam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Salutation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firstnam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 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lastnam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7494AC5" w14:textId="67E46609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Phon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Phon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23D3336D" w14:textId="6B381582" w:rsidR="00505058" w:rsidRPr="00A94170" w:rsidRDefault="004B19EB" w:rsidP="00E26CD0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Mobile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Mobilephone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7B78CB77" w14:textId="4E82DF73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Email Address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ownerOrBillingContactValues_Email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0177DF9" w14:textId="6533A243" w:rsidR="00A44EAC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Billing Address </w:t>
            </w:r>
            <w:r w:rsidR="00877DA6" w:rsidRPr="00877DA6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877DA6" w:rsidRPr="00877DA6">
              <w:rPr>
                <w:rFonts w:ascii="Avenir LT Std 35 Light" w:eastAsia="Avenir" w:hAnsi="Avenir LT Std 35 Light" w:cs="Avenir"/>
                <w:sz w:val="16"/>
                <w:szCs w:val="16"/>
              </w:rPr>
              <w:t>billingAddressFromApex_AddressLine</w:t>
            </w:r>
            <w:proofErr w:type="spellEnd"/>
            <w:r w:rsidR="00877DA6" w:rsidRPr="00877DA6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47ED060F" w14:textId="684943FF" w:rsidR="00201101" w:rsidRPr="00A94170" w:rsidRDefault="004B19EB" w:rsidP="00E26CD0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Bank Account Owner</w:t>
            </w: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="00DA768D" w:rsidRPr="00DA768D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DA768D" w:rsidRPr="00DA768D">
              <w:rPr>
                <w:rFonts w:ascii="Avenir LT Std 35 Light" w:eastAsia="Avenir" w:hAnsi="Avenir LT Std 35 Light" w:cs="Avenir"/>
                <w:sz w:val="16"/>
                <w:szCs w:val="16"/>
              </w:rPr>
              <w:t>bankdetail_Bank_Account_Owner</w:t>
            </w:r>
            <w:proofErr w:type="spellEnd"/>
            <w:r w:rsidR="00DA768D" w:rsidRPr="00DA768D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0686C36B" w14:textId="043D7A04" w:rsidR="004B19EB" w:rsidRPr="00A94170" w:rsidRDefault="004B19EB" w:rsidP="00E26CD0">
            <w:pP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Bank Name </w:t>
            </w:r>
            <w:r w:rsidR="00377C6B" w:rsidRPr="00377C6B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377C6B" w:rsidRPr="00377C6B">
              <w:rPr>
                <w:rFonts w:ascii="Avenir LT Std 35 Light" w:eastAsia="Avenir" w:hAnsi="Avenir LT Std 35 Light" w:cs="Avenir"/>
                <w:sz w:val="16"/>
                <w:szCs w:val="16"/>
              </w:rPr>
              <w:t>bankdetail_Bank_Name</w:t>
            </w:r>
            <w:proofErr w:type="spellEnd"/>
            <w:r w:rsidR="00377C6B" w:rsidRPr="00377C6B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br/>
              <w:t xml:space="preserve">Bank Account Number </w:t>
            </w:r>
            <w:r w:rsidR="0089452E" w:rsidRPr="0089452E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89452E" w:rsidRPr="0089452E">
              <w:rPr>
                <w:rFonts w:ascii="Avenir LT Std 35 Light" w:eastAsia="Avenir" w:hAnsi="Avenir LT Std 35 Light" w:cs="Avenir"/>
                <w:sz w:val="16"/>
                <w:szCs w:val="16"/>
              </w:rPr>
              <w:t>bankdetail_Bank_Account_Number</w:t>
            </w:r>
            <w:proofErr w:type="spellEnd"/>
            <w:r w:rsidR="0089452E" w:rsidRPr="0089452E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24429322" w14:textId="7D49D624" w:rsidR="001B58AB" w:rsidRPr="0017315B" w:rsidRDefault="004B19EB" w:rsidP="00A6157A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 xml:space="preserve">Invoice Frequency </w:t>
            </w:r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arentAccount_Invoice_Frequency</w:t>
            </w:r>
            <w:proofErr w:type="spellEnd"/>
            <w:r w:rsidR="001B3E48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bookmarkEnd w:id="1"/>
    <w:bookmarkEnd w:id="2"/>
    <w:p w14:paraId="458058B9" w14:textId="565F12BD" w:rsidR="004B19EB" w:rsidRDefault="00D10F7A" w:rsidP="00D10F7A">
      <w:pPr>
        <w:rPr>
          <w:rFonts w:ascii="Avenir LT Std 35 Light" w:hAnsi="Avenir LT Std 35 Light"/>
          <w:b/>
          <w:sz w:val="16"/>
          <w:szCs w:val="16"/>
        </w:rPr>
      </w:pPr>
      <w:r w:rsidRPr="00A94170">
        <w:rPr>
          <w:rFonts w:ascii="Avenir LT Std 35 Light" w:hAnsi="Avenir LT Std 35 Light"/>
          <w:b/>
          <w:sz w:val="16"/>
          <w:szCs w:val="16"/>
        </w:rPr>
        <w:t xml:space="preserve">2. </w:t>
      </w:r>
      <w:r w:rsidR="004B19EB" w:rsidRPr="00A94170">
        <w:rPr>
          <w:rFonts w:ascii="Avenir LT Std 35 Light" w:hAnsi="Avenir LT Std 35 Light"/>
          <w:b/>
          <w:sz w:val="16"/>
          <w:szCs w:val="16"/>
        </w:rPr>
        <w:t xml:space="preserve">Commercial Terms </w:t>
      </w:r>
    </w:p>
    <w:tbl>
      <w:tblPr>
        <w:tblW w:w="5000" w:type="pct"/>
        <w:tblLook w:val="0400" w:firstRow="0" w:lastRow="0" w:firstColumn="0" w:lastColumn="0" w:noHBand="0" w:noVBand="1"/>
      </w:tblPr>
      <w:tblGrid>
        <w:gridCol w:w="3218"/>
        <w:gridCol w:w="387"/>
        <w:gridCol w:w="307"/>
        <w:gridCol w:w="601"/>
        <w:gridCol w:w="2380"/>
        <w:gridCol w:w="2357"/>
      </w:tblGrid>
      <w:tr w:rsidR="006676AE" w:rsidRPr="00A94170" w14:paraId="40071389" w14:textId="77777777" w:rsidTr="002639C4">
        <w:tc>
          <w:tcPr>
            <w:tcW w:w="111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DF2F62B" w14:textId="77777777" w:rsidR="00C10ECF" w:rsidRPr="00A94170" w:rsidRDefault="00C10ECF" w:rsidP="00B30D6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Commercial Terms</w:t>
            </w:r>
          </w:p>
        </w:tc>
        <w:tc>
          <w:tcPr>
            <w:tcW w:w="82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CDAABA2" w14:textId="77777777" w:rsidR="00C10ECF" w:rsidRPr="00A94170" w:rsidRDefault="00C10ECF" w:rsidP="00B30D6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From</w:t>
            </w:r>
          </w:p>
        </w:tc>
        <w:tc>
          <w:tcPr>
            <w:tcW w:w="93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</w:tcPr>
          <w:p w14:paraId="4BF741CA" w14:textId="77777777" w:rsidR="00C10ECF" w:rsidRPr="00A94170" w:rsidRDefault="00C10ECF" w:rsidP="00B30D6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To</w:t>
            </w:r>
          </w:p>
        </w:tc>
        <w:tc>
          <w:tcPr>
            <w:tcW w:w="71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</w:tcPr>
          <w:p w14:paraId="04B30E3B" w14:textId="77777777" w:rsidR="002C6B28" w:rsidRPr="002C6B28" w:rsidRDefault="002C6B28" w:rsidP="002C6B2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2C6B28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% (VAT Inclusive) of Total Restaurant Revenue</w:t>
            </w:r>
          </w:p>
          <w:p w14:paraId="67A3B759" w14:textId="1F27D39F" w:rsidR="00C10ECF" w:rsidRPr="00A94170" w:rsidRDefault="00C10ECF" w:rsidP="002C6B28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</w:p>
        </w:tc>
        <w:tc>
          <w:tcPr>
            <w:tcW w:w="71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EBDD0CA" w14:textId="77777777" w:rsidR="00C10ECF" w:rsidRPr="00A94170" w:rsidRDefault="00C10ECF" w:rsidP="00B30D6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tart Date</w:t>
            </w:r>
          </w:p>
        </w:tc>
        <w:tc>
          <w:tcPr>
            <w:tcW w:w="694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2FF87BD" w14:textId="77777777" w:rsidR="00C10ECF" w:rsidRPr="00A94170" w:rsidRDefault="00C10ECF" w:rsidP="00B30D69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</w:tr>
      <w:tr w:rsidR="006676AE" w:rsidRPr="00A94170" w14:paraId="5743FFD1" w14:textId="77777777" w:rsidTr="002639C4">
        <w:trPr>
          <w:trHeight w:val="460"/>
        </w:trPr>
        <w:tc>
          <w:tcPr>
            <w:tcW w:w="111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A85393F" w14:textId="122198F6" w:rsidR="00C10ECF" w:rsidRPr="00A94170" w:rsidRDefault="003D6960" w:rsidP="00B30D6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tiersSoql_Start</w:t>
            </w:r>
            <w:proofErr w:type="spellEnd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="00B75AAB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="00B75AAB" w:rsidRPr="00B75AAB">
              <w:rPr>
                <w:rFonts w:ascii="Avenir LT Std 35 Light" w:eastAsia="Avenir" w:hAnsi="Avenir LT Std 35 Light" w:cs="Avenir"/>
                <w:sz w:val="16"/>
                <w:szCs w:val="16"/>
              </w:rPr>
              <w:t>&lt;&lt;tiersSoql.Id_Opportunity_Quote_Line_It</w:t>
            </w:r>
            <w:r w:rsidR="00B75AAB" w:rsidRPr="00B75AAB"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t>em.Id_List_Service_Price_Displayed_Name&gt;&gt;</w:t>
            </w:r>
          </w:p>
        </w:tc>
        <w:tc>
          <w:tcPr>
            <w:tcW w:w="82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F3FB029" w14:textId="20C9D3C9" w:rsidR="007B046E" w:rsidRPr="007B046E" w:rsidRDefault="005538CD" w:rsidP="007B046E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B6364"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fldChar w:fldCharType="begin"/>
            </w:r>
            <w:r w:rsidRPr="00AB6364"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IF </w:instrText>
            </w:r>
            <w:r w:rsidRPr="00AB6364"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instrText>"&lt;&lt;tiersSoql.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>I</w:instrText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instrText>d_Opportunity_Quote_Line_Item_Based_On</w:instrText>
            </w:r>
            <w:r w:rsidRPr="00AB6364">
              <w:rPr>
                <w:rFonts w:ascii="Avenir LT Std 35 Light" w:eastAsia="Avenir" w:hAnsi="Avenir LT Std 35 Light" w:cs="Avenir"/>
                <w:sz w:val="16"/>
                <w:szCs w:val="16"/>
              </w:rPr>
              <w:instrText>&gt;&gt;" = "Monetary Amounts" "</w:instrText>
            </w:r>
            <w:r w:rsidRPr="00AB6364">
              <w:rPr>
                <w:rFonts w:eastAsia="Avenir"/>
                <w:sz w:val="16"/>
                <w:szCs w:val="16"/>
              </w:rPr>
              <w:instrText>₱</w:instrText>
            </w:r>
            <w:r w:rsidRPr="00AB6364"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 w:rsidRPr="00AB6364"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</w:instrText>
            </w:r>
            <w:r w:rsidRPr="00AB6364"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instrText xml:space="preserve">LD &lt;&lt;tiersSoql_Min&gt;&gt; \# 0.00  </w:instrText>
            </w:r>
            <w:r w:rsidRPr="00AB6364"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separate"/>
            </w:r>
            <w:r w:rsidRPr="00AB6364">
              <w:rPr>
                <w:rFonts w:ascii="Avenir LT Std 35 Light" w:eastAsia="Avenir" w:hAnsi="Avenir LT Std 35 Light" w:cs="Avenir"/>
                <w:sz w:val="16"/>
                <w:szCs w:val="16"/>
              </w:rPr>
              <w:instrText>«&lt;&lt;tiersSoql_Min&gt;&gt;»</w:instrText>
            </w:r>
            <w:r w:rsidRPr="00AB6364"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 w:rsidRPr="00AB6364">
              <w:rPr>
                <w:rFonts w:ascii="Avenir LT Std 35 Light" w:eastAsia="Avenir" w:hAnsi="Avenir LT Std 35 Light" w:cs="Avenir"/>
                <w:sz w:val="16"/>
                <w:szCs w:val="16"/>
              </w:rPr>
              <w:instrText>" "</w:instrText>
            </w:r>
            <w:r w:rsidRPr="00AB6364"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 w:rsidRPr="00AB6364"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&lt;&lt;tiersSoql_Min&gt;&gt; \# 0  </w:instrText>
            </w:r>
            <w:r w:rsidRPr="00AB6364"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separate"/>
            </w:r>
            <w:r w:rsidRPr="00AB6364">
              <w:rPr>
                <w:rFonts w:ascii="Avenir LT Std 35 Light" w:eastAsia="Avenir" w:hAnsi="Avenir LT Std 35 Light" w:cs="Avenir"/>
                <w:sz w:val="16"/>
                <w:szCs w:val="16"/>
              </w:rPr>
              <w:instrText>«&lt;&lt;tiersSoql_Min&gt;&gt;»</w:instrText>
            </w:r>
            <w:r w:rsidRPr="00AB6364"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 w:rsidRPr="00AB6364"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" \* MERGEFORMAT </w:instrText>
            </w:r>
            <w:r w:rsidRPr="00AB6364"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</w:p>
          <w:p w14:paraId="0CB52203" w14:textId="77777777" w:rsidR="007B046E" w:rsidRPr="007B046E" w:rsidRDefault="007B046E" w:rsidP="007B046E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76323D16" w14:textId="77777777" w:rsidR="007B046E" w:rsidRDefault="007B046E" w:rsidP="007B046E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13F214DC" w14:textId="1BE68969" w:rsidR="007B046E" w:rsidRPr="007B046E" w:rsidRDefault="007B046E" w:rsidP="007B046E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</w:tc>
        <w:tc>
          <w:tcPr>
            <w:tcW w:w="93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</w:tcPr>
          <w:p w14:paraId="0FC38F54" w14:textId="77777777" w:rsidR="000328E6" w:rsidRPr="00857B81" w:rsidRDefault="000328E6" w:rsidP="000328E6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fldChar w:fldCharType="begin"/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IF </w:instrText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instrText>"&lt;&lt;tiersSoql.Id_Opportunity_Quote_Line_Item_Based_On&gt;&gt;" = "Mone</w:instrText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instrText>tary Amounts" "</w:instrText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IF "&lt;&lt;tiersSoql_Max&gt;&gt;" = "" "</w:instrText>
            </w:r>
            <w:r w:rsidRPr="00006124">
              <w:rPr>
                <w:rFonts w:ascii="Avenir LT Std 35 Light" w:eastAsia="Avenir" w:hAnsi="Avenir LT Std 35 Light" w:cs="Avenir"/>
                <w:sz w:val="20"/>
                <w:szCs w:val="20"/>
              </w:rPr>
              <w:instrText>∞</w:instrText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instrText>" "</w:instrText>
            </w:r>
            <w:r w:rsidRPr="00857B81">
              <w:rPr>
                <w:rFonts w:eastAsia="Avenir"/>
                <w:sz w:val="16"/>
                <w:szCs w:val="16"/>
              </w:rPr>
              <w:instrText>₱</w:instrText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&lt;&lt;tier</w:instrText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instrText xml:space="preserve">sSoql_Max&gt;&gt; \# 0.00  </w:instrText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" \* MERGEFORMAT </w:instrText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separate"/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instrText>&lt;&lt;tiersSoql_Max&gt;&gt;</w:instrText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instrText>" "</w:instrText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IF "&lt;&lt;tiersSoql_Max&gt;&gt;" = "</w:instrText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instrText>" "</w:instrText>
            </w:r>
            <w:r w:rsidRPr="00006124">
              <w:rPr>
                <w:rFonts w:ascii="Avenir LT Std 35 Light" w:eastAsia="Avenir" w:hAnsi="Avenir LT Std 35 Light" w:cs="Avenir"/>
                <w:sz w:val="20"/>
                <w:szCs w:val="20"/>
              </w:rPr>
              <w:instrText>∞</w:instrText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instrText>" "</w:instrText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&lt;&lt;tiersSoql_Max&gt;&gt; \# 0  </w:instrText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" \* MERGEFORMAT </w:instrText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separate"/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instrText>&lt;&lt;tiersSoql_Max&gt;&gt;</w:instrText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instrText>" \* MER</w:instrText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instrText xml:space="preserve">GEFORMAT </w:instrText>
            </w:r>
            <w:r w:rsidRPr="00857B81"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</w:p>
          <w:p w14:paraId="4916EFC6" w14:textId="12075CB9" w:rsidR="00C10ECF" w:rsidRPr="002C46A5" w:rsidRDefault="00C10ECF" w:rsidP="000328E6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</w:tc>
        <w:tc>
          <w:tcPr>
            <w:tcW w:w="71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</w:tcPr>
          <w:p w14:paraId="0FF94D15" w14:textId="334AB1C3" w:rsidR="00C10ECF" w:rsidRPr="002C46A5" w:rsidRDefault="00F37202" w:rsidP="00B30D6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instrText xml:space="preserve">ELD </w:instrText>
            </w:r>
            <w:r w:rsidR="003D6960"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instrText>&lt;&lt;tiersSoql_Commission_in_percentage&gt;&gt;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 0.00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%</w:t>
            </w:r>
          </w:p>
        </w:tc>
        <w:tc>
          <w:tcPr>
            <w:tcW w:w="71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A0EE369" w14:textId="2DA56DB0" w:rsidR="00C10ECF" w:rsidRPr="00A94170" w:rsidRDefault="003D6960" w:rsidP="00B30D6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t>&lt;&lt;</w:t>
            </w:r>
            <w:proofErr w:type="spellStart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tiersSoql.Id_Opportunity_Quote_Line_Item_Start_Date</w:t>
            </w:r>
            <w:r w:rsidR="00CF42F2"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694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837299B" w14:textId="3C5EE6D6" w:rsidR="00C10ECF" w:rsidRPr="00A94170" w:rsidRDefault="003D6960" w:rsidP="00B30D6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tiersSoql.Id_Opportunity_Quote_Line_Item_End_Date</w:t>
            </w:r>
            <w:r w:rsidR="00CF42F2">
              <w:rPr>
                <w:rFonts w:ascii="Avenir LT Std 35 Light" w:eastAsia="Avenir" w:hAnsi="Avenir LT Std 35 Light" w:cs="Avenir"/>
                <w:sz w:val="16"/>
                <w:szCs w:val="16"/>
              </w:rPr>
              <w:t>_</w:t>
            </w:r>
            <w:r w:rsidR="00792A5C">
              <w:rPr>
                <w:rFonts w:ascii="Avenir LT Std 35 Light" w:eastAsia="Avenir" w:hAnsi="Avenir LT Std 35 Light" w:cs="Avenir"/>
                <w:sz w:val="16"/>
                <w:szCs w:val="16"/>
              </w:rPr>
              <w:t>_</w:t>
            </w:r>
            <w:r w:rsidR="00CF42F2">
              <w:rPr>
                <w:rFonts w:ascii="Avenir LT Std 35 Light" w:eastAsia="Avenir" w:hAnsi="Avenir LT Std 35 Light" w:cs="Avenir"/>
                <w:sz w:val="16"/>
                <w:szCs w:val="16"/>
              </w:rPr>
              <w:t>s</w:t>
            </w:r>
            <w:proofErr w:type="spellEnd"/>
            <w:r w:rsidRPr="003D696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p w14:paraId="185EC869" w14:textId="77777777" w:rsidR="00C10ECF" w:rsidRPr="00A94170" w:rsidRDefault="00C10ECF" w:rsidP="00D10F7A">
      <w:pPr>
        <w:rPr>
          <w:rFonts w:ascii="Avenir LT Std 35 Light" w:hAnsi="Avenir LT Std 35 Light"/>
          <w:b/>
          <w:sz w:val="16"/>
          <w:szCs w:val="16"/>
        </w:rPr>
      </w:pPr>
    </w:p>
    <w:tbl>
      <w:tblPr>
        <w:tblW w:w="5000" w:type="pct"/>
        <w:tblLook w:val="0400" w:firstRow="0" w:lastRow="0" w:firstColumn="0" w:lastColumn="0" w:noHBand="0" w:noVBand="1"/>
      </w:tblPr>
      <w:tblGrid>
        <w:gridCol w:w="3769"/>
        <w:gridCol w:w="824"/>
        <w:gridCol w:w="2349"/>
        <w:gridCol w:w="2308"/>
      </w:tblGrid>
      <w:tr w:rsidR="00163FBD" w:rsidRPr="00A94170" w14:paraId="32592CBC" w14:textId="77777777" w:rsidTr="00163FBD">
        <w:tc>
          <w:tcPr>
            <w:tcW w:w="102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098AFEE" w14:textId="5198328A" w:rsidR="00B56A8F" w:rsidRPr="00A94170" w:rsidRDefault="00B56A8F" w:rsidP="005D01D6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bookmarkStart w:id="3" w:name="_6xhv0o8sempj" w:colFirst="0" w:colLast="0"/>
            <w:bookmarkEnd w:id="3"/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Commercial Terms</w:t>
            </w:r>
          </w:p>
        </w:tc>
        <w:tc>
          <w:tcPr>
            <w:tcW w:w="166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88CADF6" w14:textId="77777777" w:rsidR="00715C70" w:rsidRPr="00715C70" w:rsidRDefault="00715C70" w:rsidP="00715C70">
            <w:pPr>
              <w:spacing w:line="240" w:lineRule="auto"/>
              <w:rPr>
                <w:rFonts w:ascii="Times New Roman" w:eastAsia="Times New Roman" w:hAnsi="Times New Roman" w:cs="Times New Roman"/>
                <w:sz w:val="20"/>
                <w:szCs w:val="20"/>
                <w:lang w:eastAsia="en-US"/>
              </w:rPr>
            </w:pPr>
            <w:r w:rsidRPr="00715C70">
              <w:rPr>
                <w:rFonts w:ascii="Avenir" w:hAnsi="Avenir"/>
                <w:b/>
                <w:bCs/>
                <w:color w:val="000000"/>
                <w:sz w:val="16"/>
                <w:szCs w:val="16"/>
              </w:rPr>
              <w:t>% (VAT Inclusive) of Total Restaurant Revenue</w:t>
            </w:r>
          </w:p>
          <w:p w14:paraId="4CA1FAD4" w14:textId="7BDE9BBE" w:rsidR="00B56A8F" w:rsidRPr="00A94170" w:rsidRDefault="00B56A8F" w:rsidP="00B56A8F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</w:tc>
        <w:tc>
          <w:tcPr>
            <w:tcW w:w="116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D2067C9" w14:textId="34838259" w:rsidR="00B56A8F" w:rsidRPr="00A94170" w:rsidRDefault="00B56A8F" w:rsidP="005D01D6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tart Date</w:t>
            </w:r>
          </w:p>
        </w:tc>
        <w:tc>
          <w:tcPr>
            <w:tcW w:w="113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F3A82E1" w14:textId="427D404E" w:rsidR="00B56A8F" w:rsidRPr="00A94170" w:rsidRDefault="00B56A8F" w:rsidP="005D01D6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</w:tr>
      <w:tr w:rsidR="00163FBD" w:rsidRPr="00A94170" w14:paraId="5E2C3AFA" w14:textId="77777777" w:rsidTr="00163FBD">
        <w:trPr>
          <w:trHeight w:val="460"/>
        </w:trPr>
        <w:tc>
          <w:tcPr>
            <w:tcW w:w="102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215F447" w14:textId="10244102" w:rsidR="00B56A8F" w:rsidRPr="00A94170" w:rsidRDefault="008E6F6E" w:rsidP="005D01D6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_Start</w:t>
            </w:r>
            <w:proofErr w:type="spellEnd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="009A2B7F" w:rsidRPr="009A2B7F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="009A2B7F" w:rsidRPr="009A2B7F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.Id_List_Service_Price_Displayed_Name</w:t>
            </w:r>
            <w:proofErr w:type="spellEnd"/>
            <w:r w:rsidR="009A2B7F" w:rsidRPr="009A2B7F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1666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F490250" w14:textId="28573D6B" w:rsidR="00B56A8F" w:rsidRPr="00A94170" w:rsidRDefault="00345CAC" w:rsidP="00FE740C">
            <w:pPr>
              <w:tabs>
                <w:tab w:val="left" w:pos="665"/>
              </w:tabs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begin"/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MERGEFIELD &lt;&lt;commisionsSoql_Commission_In_Percentage&gt;&gt; </w:instrText>
            </w:r>
            <w:r w:rsidRPr="007F50AF">
              <w:rPr>
                <w:rFonts w:ascii="Avenir LT Std 35 Light" w:eastAsia="Avenir" w:hAnsi="Avenir LT Std 35 Light" w:cs="Avenir"/>
                <w:sz w:val="16"/>
                <w:szCs w:val="16"/>
              </w:rPr>
              <w:instrText>\#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instrText xml:space="preserve"> 0.00 </w:instrTex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fldChar w:fldCharType="end"/>
            </w:r>
            <w:r w:rsidR="00A37C70">
              <w:rPr>
                <w:rFonts w:ascii="Avenir LT Std 35 Light" w:eastAsia="Avenir" w:hAnsi="Avenir LT Std 35 Light" w:cs="Avenir"/>
                <w:sz w:val="16"/>
                <w:szCs w:val="16"/>
              </w:rPr>
              <w:t>%</w:t>
            </w:r>
          </w:p>
        </w:tc>
        <w:tc>
          <w:tcPr>
            <w:tcW w:w="116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E75F184" w14:textId="3B4EF94F" w:rsidR="00E378CC" w:rsidRDefault="00E378CC" w:rsidP="00E378CC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_Start_Date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6EEA8B94" w14:textId="7A1D8512" w:rsidR="0032640E" w:rsidRPr="00A94170" w:rsidRDefault="0032640E" w:rsidP="005D01D6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</w:tc>
        <w:tc>
          <w:tcPr>
            <w:tcW w:w="113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6F9A8C6" w14:textId="5396F60A" w:rsidR="00B56A8F" w:rsidRPr="00A94170" w:rsidRDefault="008E6F6E" w:rsidP="005D01D6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commisionsSoql_End_Date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8E6F6E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p w14:paraId="3259D36E" w14:textId="614D02F2" w:rsidR="00506711" w:rsidRDefault="00506711" w:rsidP="003E7572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</w:p>
    <w:p w14:paraId="75C51FDC" w14:textId="77777777" w:rsidR="00AB57CB" w:rsidRPr="00D8024E" w:rsidRDefault="00AB57CB" w:rsidP="00D8024E">
      <w:pPr>
        <w:rPr>
          <w:rFonts w:ascii="Avenir LT Std 35 Light" w:eastAsia="Avenir" w:hAnsi="Avenir LT Std 35 Light" w:cs="Avenir"/>
          <w:sz w:val="16"/>
          <w:szCs w:val="16"/>
        </w:rPr>
      </w:pPr>
      <w:r w:rsidRPr="00D8024E">
        <w:rPr>
          <w:rFonts w:ascii="Avenir LT Std 35 Light" w:eastAsia="Avenir" w:hAnsi="Avenir LT Std 35 Light" w:cs="Avenir"/>
          <w:sz w:val="16"/>
          <w:szCs w:val="16"/>
        </w:rPr>
        <w:t>“Restaurant Revenue” shall mean: gross amount of: food items; container charges; vendor delivery fee (IF applicable) + service fee (IF applicable) + any difference paid by the customer to reach the minimum order value (IF applicable) + VAT (IF applicable)</w:t>
      </w:r>
    </w:p>
    <w:p w14:paraId="16AC0BCA" w14:textId="77777777" w:rsidR="00AB57CB" w:rsidRDefault="00AB57CB" w:rsidP="00D8024E">
      <w:pPr>
        <w:rPr>
          <w:rFonts w:ascii="Avenir LT Std 35 Light" w:eastAsia="Avenir" w:hAnsi="Avenir LT Std 35 Light" w:cs="Avenir"/>
          <w:sz w:val="16"/>
          <w:szCs w:val="16"/>
        </w:rPr>
      </w:pPr>
    </w:p>
    <w:tbl>
      <w:tblPr>
        <w:tblW w:w="5000" w:type="pct"/>
        <w:tblLook w:val="0600" w:firstRow="0" w:lastRow="0" w:firstColumn="0" w:lastColumn="0" w:noHBand="1" w:noVBand="1"/>
      </w:tblPr>
      <w:tblGrid>
        <w:gridCol w:w="1274"/>
        <w:gridCol w:w="1543"/>
        <w:gridCol w:w="1519"/>
        <w:gridCol w:w="1734"/>
        <w:gridCol w:w="1369"/>
        <w:gridCol w:w="1811"/>
      </w:tblGrid>
      <w:tr w:rsidR="0097090B" w:rsidRPr="00A94170" w14:paraId="061EAD5E" w14:textId="77777777" w:rsidTr="00E353B4">
        <w:tc>
          <w:tcPr>
            <w:tcW w:w="745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9647698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alue Added Services</w:t>
            </w:r>
          </w:p>
        </w:tc>
        <w:tc>
          <w:tcPr>
            <w:tcW w:w="782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E269850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tart Date</w:t>
            </w:r>
          </w:p>
        </w:tc>
        <w:tc>
          <w:tcPr>
            <w:tcW w:w="83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9ADE88A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  <w:tc>
          <w:tcPr>
            <w:tcW w:w="88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FBEC7CE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Price</w:t>
            </w:r>
          </w:p>
        </w:tc>
        <w:tc>
          <w:tcPr>
            <w:tcW w:w="81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504033A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Discount</w:t>
            </w:r>
          </w:p>
        </w:tc>
        <w:tc>
          <w:tcPr>
            <w:tcW w:w="94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5FC964C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Total</w:t>
            </w:r>
          </w:p>
        </w:tc>
      </w:tr>
      <w:tr w:rsidR="0097090B" w:rsidRPr="00A94170" w14:paraId="49917730" w14:textId="77777777" w:rsidTr="00E353B4">
        <w:trPr>
          <w:trHeight w:val="460"/>
        </w:trPr>
        <w:tc>
          <w:tcPr>
            <w:tcW w:w="745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A24A71D" w14:textId="77777777" w:rsidR="009F63E9" w:rsidRPr="00A94170" w:rsidRDefault="00201101" w:rsidP="009F63E9">
            <w:pPr>
              <w:spacing w:line="240" w:lineRule="auto"/>
              <w:jc w:val="both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Start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61ED94C3" w14:textId="1E08940E" w:rsidR="004B19EB" w:rsidRPr="00A94170" w:rsidRDefault="00201101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Name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782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270DDB8" w14:textId="576A52E2" w:rsidR="004B19EB" w:rsidRPr="00A94170" w:rsidRDefault="002C46A5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2C46A5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2C46A5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Start_Date__s</w:t>
            </w:r>
            <w:proofErr w:type="spellEnd"/>
            <w:r w:rsidRPr="002C46A5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83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EF6D6B9" w14:textId="782504D0" w:rsidR="004B19EB" w:rsidRPr="00A94170" w:rsidRDefault="00201101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End_Date</w:t>
            </w:r>
            <w:r w:rsidR="00EC1A44"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88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E987337" w14:textId="4AEADB2F" w:rsidR="006A0C77" w:rsidRPr="00A94170" w:rsidRDefault="000F7436" w:rsidP="0097090B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006124">
              <w:rPr>
                <w:rFonts w:eastAsia="Times New Roman"/>
                <w:color w:val="172B4D"/>
                <w:sz w:val="16"/>
                <w:szCs w:val="16"/>
                <w:shd w:val="clear" w:color="auto" w:fill="FFFFFF"/>
                <w:lang w:eastAsia="en-US"/>
              </w:rPr>
              <w:t>₱</w:t>
            </w:r>
            <w:r w:rsidR="006A0C77" w:rsidRPr="00D120E5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r w:rsidR="006A0C77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</w:t>
            </w:r>
            <w:r w:rsidR="006A0C77" w:rsidRPr="00D120E5">
              <w:rPr>
                <w:rFonts w:ascii="Avenir LT Std 35 Light" w:eastAsia="Avenir" w:hAnsi="Avenir LT Std 35 Light" w:cs="Avenir"/>
                <w:sz w:val="16"/>
                <w:szCs w:val="16"/>
              </w:rPr>
              <w:t>_Listed_Price</w:t>
            </w:r>
            <w:r w:rsidR="0097090B">
              <w:rPr>
                <w:rFonts w:ascii="Avenir LT Std 35 Light" w:eastAsia="Avenir" w:hAnsi="Avenir LT Std 35 Light" w:cs="Avenir"/>
                <w:sz w:val="16"/>
                <w:szCs w:val="16"/>
              </w:rPr>
              <w:t>__000</w:t>
            </w:r>
            <w:r w:rsidR="006A0C77" w:rsidRPr="00D120E5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81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897E289" w14:textId="03556544" w:rsidR="004B19EB" w:rsidRDefault="00B926E2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productLineItems_Discount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0988D023" w14:textId="02845098" w:rsidR="00E36409" w:rsidRPr="00A94170" w:rsidRDefault="00E36409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</w:tc>
        <w:tc>
          <w:tcPr>
            <w:tcW w:w="94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36596749" w14:textId="5A82E6A1" w:rsidR="001E4E28" w:rsidRPr="00A94170" w:rsidRDefault="001E4E28" w:rsidP="001E4E28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006124">
              <w:rPr>
                <w:rFonts w:eastAsia="Times New Roman"/>
                <w:color w:val="172B4D"/>
                <w:sz w:val="16"/>
                <w:szCs w:val="16"/>
                <w:shd w:val="clear" w:color="auto" w:fill="FFFFFF"/>
                <w:lang w:eastAsia="en-US"/>
              </w:rPr>
              <w:t>₱</w:t>
            </w:r>
            <w:r w:rsidR="0097090B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productLineItems_Total_Amount</w:t>
            </w:r>
            <w:r w:rsidR="0097090B">
              <w:rPr>
                <w:rFonts w:ascii="Avenir LT Std 35 Light" w:eastAsia="Avenir" w:hAnsi="Avenir LT Std 35 Light" w:cs="Avenir"/>
                <w:sz w:val="16"/>
                <w:szCs w:val="16"/>
              </w:rPr>
              <w:t>__000&gt;&gt;</w:t>
            </w:r>
          </w:p>
          <w:p w14:paraId="60A5894F" w14:textId="7EEBC7B5" w:rsidR="004B19EB" w:rsidRPr="00A94170" w:rsidRDefault="004B19EB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</w:tc>
      </w:tr>
    </w:tbl>
    <w:p w14:paraId="5AD3D1D2" w14:textId="7FC378BC" w:rsidR="004B19EB" w:rsidRDefault="004B19EB" w:rsidP="004B19EB">
      <w:pPr>
        <w:spacing w:line="240" w:lineRule="auto"/>
        <w:rPr>
          <w:rFonts w:ascii="Avenir LT Std 35 Light" w:eastAsia="Avenir" w:hAnsi="Avenir LT Std 35 Light" w:cs="Avenir"/>
          <w:color w:val="FF0000"/>
          <w:sz w:val="16"/>
          <w:szCs w:val="16"/>
        </w:rPr>
      </w:pPr>
    </w:p>
    <w:p w14:paraId="1363714E" w14:textId="77777777" w:rsidR="00506711" w:rsidRPr="00A94170" w:rsidRDefault="00506711" w:rsidP="004B19EB">
      <w:pPr>
        <w:spacing w:line="240" w:lineRule="auto"/>
        <w:rPr>
          <w:rFonts w:ascii="Avenir LT Std 35 Light" w:eastAsia="Avenir" w:hAnsi="Avenir LT Std 35 Light" w:cs="Avenir"/>
          <w:color w:val="FF0000"/>
          <w:sz w:val="16"/>
          <w:szCs w:val="16"/>
        </w:rPr>
      </w:pPr>
    </w:p>
    <w:tbl>
      <w:tblPr>
        <w:tblW w:w="5000" w:type="pct"/>
        <w:tblLook w:val="0400" w:firstRow="0" w:lastRow="0" w:firstColumn="0" w:lastColumn="0" w:noHBand="0" w:noVBand="1"/>
      </w:tblPr>
      <w:tblGrid>
        <w:gridCol w:w="1505"/>
        <w:gridCol w:w="1788"/>
        <w:gridCol w:w="1893"/>
        <w:gridCol w:w="2140"/>
        <w:gridCol w:w="1924"/>
      </w:tblGrid>
      <w:tr w:rsidR="005C02E2" w:rsidRPr="00A94170" w14:paraId="7654FBAB" w14:textId="77777777" w:rsidTr="00BB73C2">
        <w:trPr>
          <w:trHeight w:val="379"/>
        </w:trPr>
        <w:tc>
          <w:tcPr>
            <w:tcW w:w="77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E752C5A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Non-standard Terms</w:t>
            </w:r>
          </w:p>
        </w:tc>
        <w:tc>
          <w:tcPr>
            <w:tcW w:w="86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0334798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tart Date</w:t>
            </w:r>
          </w:p>
        </w:tc>
        <w:tc>
          <w:tcPr>
            <w:tcW w:w="8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A4E7653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End Date</w:t>
            </w:r>
          </w:p>
        </w:tc>
        <w:tc>
          <w:tcPr>
            <w:tcW w:w="136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F1E1B68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Terms &amp; conditions</w:t>
            </w:r>
          </w:p>
        </w:tc>
        <w:tc>
          <w:tcPr>
            <w:tcW w:w="115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10E22AC" w14:textId="77777777" w:rsidR="004B19EB" w:rsidRPr="00A94170" w:rsidRDefault="004B19EB" w:rsidP="00E26CD0">
            <w:pPr>
              <w:spacing w:line="240" w:lineRule="auto"/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pecifications</w:t>
            </w:r>
          </w:p>
        </w:tc>
      </w:tr>
      <w:tr w:rsidR="005C02E2" w:rsidRPr="00A94170" w14:paraId="1E1A4D01" w14:textId="77777777" w:rsidTr="00BB73C2">
        <w:tc>
          <w:tcPr>
            <w:tcW w:w="77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3244AF7" w14:textId="77777777" w:rsidR="009F63E9" w:rsidRPr="00A94170" w:rsidRDefault="0099007B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Start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  <w:p w14:paraId="3547D17F" w14:textId="79635798" w:rsidR="004B19EB" w:rsidRPr="00A94170" w:rsidRDefault="00F97C2A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  <w:shd w:val="clear" w:color="auto" w:fill="EAD1DC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</w:t>
            </w:r>
            <w:r w:rsidR="009F63E9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Name</w:t>
            </w:r>
            <w:proofErr w:type="spellEnd"/>
            <w:r w:rsidR="009F63E9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  <w:r w:rsidR="0099007B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</w:tc>
        <w:tc>
          <w:tcPr>
            <w:tcW w:w="86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F3CD113" w14:textId="6952F3A0" w:rsidR="004B19EB" w:rsidRPr="00A94170" w:rsidRDefault="00F97C2A" w:rsidP="009F63E9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Start_Date</w:t>
            </w:r>
            <w:r w:rsidR="00EC1A44"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__s</w:t>
            </w:r>
            <w:proofErr w:type="spellEnd"/>
            <w:r w:rsidR="00EC1A44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8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B2D9ADE" w14:textId="6D7CDD5A" w:rsidR="004B19EB" w:rsidRPr="00A94170" w:rsidRDefault="00225EF9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</w:t>
            </w:r>
            <w:r w:rsidR="00EC1A44">
              <w:rPr>
                <w:rFonts w:ascii="Avenir LT Std 35 Light" w:eastAsia="Avenir" w:hAnsi="Avenir LT Std 35 Light" w:cs="Avenir"/>
                <w:sz w:val="16"/>
                <w:szCs w:val="16"/>
              </w:rPr>
              <w:t>End</w:t>
            </w:r>
            <w:r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_Date__s</w:t>
            </w:r>
            <w:proofErr w:type="spellEnd"/>
            <w:r w:rsidRPr="00225EF9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136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1F9B361B" w14:textId="6458B114" w:rsidR="004B19EB" w:rsidRPr="00A94170" w:rsidRDefault="00BB73C2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BB73C2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BB73C2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Contract_Addition</w:t>
            </w:r>
            <w:proofErr w:type="spellEnd"/>
            <w:r w:rsidRPr="00BB73C2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  <w:tc>
          <w:tcPr>
            <w:tcW w:w="1158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0775C3D" w14:textId="4A5E41DE" w:rsidR="004B19EB" w:rsidRPr="00A94170" w:rsidRDefault="00F97C2A" w:rsidP="00E26CD0">
            <w:pPr>
              <w:spacing w:line="240" w:lineRule="auto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lt;&lt;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ddOnLineItems_Specifications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&gt;&gt;</w:t>
            </w:r>
          </w:p>
        </w:tc>
      </w:tr>
    </w:tbl>
    <w:p w14:paraId="4AD0C055" w14:textId="77777777" w:rsidR="00840553" w:rsidRPr="00A94170" w:rsidRDefault="00840553" w:rsidP="004B19EB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</w:p>
    <w:p w14:paraId="1AC7469F" w14:textId="77777777" w:rsidR="004B19EB" w:rsidRPr="00A94170" w:rsidRDefault="004B19EB" w:rsidP="004B19EB">
      <w:pPr>
        <w:spacing w:line="240" w:lineRule="auto"/>
        <w:rPr>
          <w:rFonts w:ascii="Avenir LT Std 35 Light" w:eastAsia="Avenir" w:hAnsi="Avenir LT Std 35 Light" w:cs="Avenir"/>
          <w:sz w:val="16"/>
          <w:szCs w:val="16"/>
        </w:rPr>
      </w:pPr>
      <w:r w:rsidRPr="00A94170">
        <w:rPr>
          <w:rFonts w:ascii="Avenir LT Std 35 Light" w:eastAsia="Avenir" w:hAnsi="Avenir LT Std 35 Light" w:cs="Avenir"/>
          <w:sz w:val="16"/>
          <w:szCs w:val="16"/>
        </w:rPr>
        <w:t xml:space="preserve"> </w:t>
      </w:r>
    </w:p>
    <w:tbl>
      <w:tblPr>
        <w:tblW w:w="5000" w:type="pct"/>
        <w:tbl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</w:tblBorders>
        <w:tblLook w:val="0600" w:firstRow="0" w:lastRow="0" w:firstColumn="0" w:lastColumn="0" w:noHBand="1" w:noVBand="1"/>
      </w:tblPr>
      <w:tblGrid>
        <w:gridCol w:w="1407"/>
        <w:gridCol w:w="3829"/>
        <w:gridCol w:w="4018"/>
      </w:tblGrid>
      <w:tr w:rsidR="00523984" w:rsidRPr="00A94170" w14:paraId="1DB5B6F7" w14:textId="77777777" w:rsidTr="007C7EC3">
        <w:trPr>
          <w:trHeight w:val="451"/>
        </w:trPr>
        <w:tc>
          <w:tcPr>
            <w:tcW w:w="76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D90A1BD" w14:textId="77777777" w:rsidR="00523984" w:rsidRPr="00A94170" w:rsidRDefault="00523984" w:rsidP="007C7EC3">
            <w:pPr>
              <w:ind w:left="100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bookmarkStart w:id="4" w:name="_Hlk31191515"/>
            <w:bookmarkEnd w:id="0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lastRenderedPageBreak/>
              <w:t>Signature:</w:t>
            </w:r>
          </w:p>
        </w:tc>
        <w:tc>
          <w:tcPr>
            <w:tcW w:w="4240" w:type="pct"/>
            <w:gridSpan w:val="2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0998CA8" w14:textId="77777777" w:rsidR="00523984" w:rsidRPr="00512BFD" w:rsidRDefault="00523984" w:rsidP="007C7EC3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SIGNED BY,</w:t>
            </w: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for and behalf of: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  <w:r w:rsidRPr="00A94170"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  <w:t>Vendor</w:t>
            </w:r>
          </w:p>
        </w:tc>
      </w:tr>
      <w:tr w:rsidR="00523984" w:rsidRPr="00A94170" w14:paraId="1A9AE870" w14:textId="77777777" w:rsidTr="007C7EC3">
        <w:trPr>
          <w:trHeight w:val="451"/>
        </w:trPr>
        <w:tc>
          <w:tcPr>
            <w:tcW w:w="76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5F38E278" w14:textId="77777777" w:rsidR="00523984" w:rsidRPr="00A94170" w:rsidRDefault="00523984" w:rsidP="007C7EC3">
            <w:pPr>
              <w:ind w:left="100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</w:tc>
        <w:tc>
          <w:tcPr>
            <w:tcW w:w="4240" w:type="pct"/>
            <w:gridSpan w:val="2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454F88A" w14:textId="77777777" w:rsidR="00523984" w:rsidRPr="00A94170" w:rsidRDefault="00523984" w:rsidP="007C7EC3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6ACF8751" w14:textId="77777777" w:rsidR="00523984" w:rsidRPr="00A94170" w:rsidRDefault="00523984" w:rsidP="007C7EC3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36872FAE" w14:textId="77777777" w:rsidR="00523984" w:rsidRPr="00A94170" w:rsidRDefault="00523984" w:rsidP="007C7EC3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  <w:p w14:paraId="7B3CE66C" w14:textId="77777777" w:rsidR="00523984" w:rsidRPr="00A94170" w:rsidRDefault="00523984" w:rsidP="007C7EC3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</w:t>
            </w:r>
          </w:p>
          <w:p w14:paraId="6A60B09F" w14:textId="77777777" w:rsidR="00523984" w:rsidRDefault="00523984" w:rsidP="007C7EC3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1A64B97A" w14:textId="77777777" w:rsidR="00523984" w:rsidRPr="00A94170" w:rsidRDefault="00523984" w:rsidP="007C7EC3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252C3E83" w14:textId="77777777" w:rsidR="00523984" w:rsidRPr="00A94170" w:rsidRDefault="00523984" w:rsidP="007C7EC3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2D66DC1E" w14:textId="77777777" w:rsidR="00523984" w:rsidRDefault="00523984" w:rsidP="007C7EC3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Duly 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uthorised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Signatory  </w:t>
            </w:r>
          </w:p>
          <w:p w14:paraId="5E172B09" w14:textId="0759C652" w:rsidR="00523984" w:rsidRDefault="001A57ED" w:rsidP="007C7EC3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1312" behindDoc="0" locked="0" layoutInCell="1" allowOverlap="1" wp14:anchorId="347FAC80" wp14:editId="34666156">
                      <wp:simplePos x="0" y="0"/>
                      <wp:positionH relativeFrom="column">
                        <wp:posOffset>1620520</wp:posOffset>
                      </wp:positionH>
                      <wp:positionV relativeFrom="paragraph">
                        <wp:posOffset>131445</wp:posOffset>
                      </wp:positionV>
                      <wp:extent cx="513080" cy="351790"/>
                      <wp:effectExtent l="0" t="0" r="0" b="3810"/>
                      <wp:wrapNone/>
                      <wp:docPr id="4" name="Rectangle 4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513080" cy="351790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3B22803B" w14:textId="77777777" w:rsidR="00523984" w:rsidRPr="00B05CDC" w:rsidRDefault="00523984" w:rsidP="00523984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B05CDC">
                                    <w:rPr>
                                      <w:color w:val="FFFFFF" w:themeColor="background1"/>
                                    </w:rPr>
                                    <w:t>\s2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347FAC80" id="Rectangle 4" o:spid="_x0000_s1026" style="position:absolute;left:0;text-align:left;margin-left:127.6pt;margin-top:10.35pt;width:40.4pt;height:27.7pt;z-index:251661312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" fillcolor="white [3212]" stroked="f" strokeweight="1pt">
                      <v:textbox>
                        <w:txbxContent>
                          <w:p w14:paraId="3B22803B" w14:textId="77777777" w:rsidR="00523984" w:rsidRPr="00B05CDC" w:rsidRDefault="00523984" w:rsidP="00523984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B05CDC">
                              <w:rPr>
                                <w:color w:val="FFFFFF" w:themeColor="background1"/>
                              </w:rPr>
                              <w:t>\s2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39DAE4B1" w14:textId="07C76426" w:rsidR="00523984" w:rsidRDefault="00523984" w:rsidP="007C7EC3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</w:p>
          <w:p w14:paraId="1D842DC6" w14:textId="77777777" w:rsidR="00523984" w:rsidRDefault="00523984" w:rsidP="007C7EC3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</w:p>
          <w:p w14:paraId="72DCC5BD" w14:textId="77777777" w:rsidR="00523984" w:rsidRPr="00A94170" w:rsidRDefault="00523984" w:rsidP="007C7EC3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</w:p>
        </w:tc>
      </w:tr>
      <w:tr w:rsidR="00523984" w:rsidRPr="00A94170" w14:paraId="60E992A1" w14:textId="77777777" w:rsidTr="007C7EC3">
        <w:trPr>
          <w:trHeight w:val="451"/>
        </w:trPr>
        <w:tc>
          <w:tcPr>
            <w:tcW w:w="76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43D3BF11" w14:textId="77777777" w:rsidR="00523984" w:rsidRPr="00A94170" w:rsidRDefault="00523984" w:rsidP="007C7EC3">
            <w:pPr>
              <w:ind w:left="100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</w:tc>
        <w:tc>
          <w:tcPr>
            <w:tcW w:w="4240" w:type="pct"/>
            <w:gridSpan w:val="2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2D55D9BA" w14:textId="77777777" w:rsidR="00523984" w:rsidRPr="005A29DE" w:rsidRDefault="00523984" w:rsidP="007C7EC3">
            <w:pPr>
              <w:jc w:val="center"/>
              <w:rPr>
                <w:rFonts w:ascii="Avenir Book" w:eastAsia="Avenir" w:hAnsi="Avenir Book" w:cs="Avenir"/>
                <w:sz w:val="16"/>
                <w:szCs w:val="16"/>
              </w:rPr>
            </w:pPr>
            <w:r w:rsidRPr="005A29DE">
              <w:rPr>
                <w:rFonts w:ascii="Avenir Book" w:eastAsia="Avenir" w:hAnsi="Avenir Book" w:cs="Avenir"/>
                <w:b/>
                <w:sz w:val="16"/>
                <w:szCs w:val="16"/>
              </w:rPr>
              <w:t>(SIGNED BY,</w:t>
            </w:r>
            <w:r w:rsidRPr="005A29DE">
              <w:rPr>
                <w:rFonts w:ascii="Avenir Book" w:eastAsia="Avenir" w:hAnsi="Avenir Book" w:cs="Avenir"/>
                <w:sz w:val="16"/>
                <w:szCs w:val="16"/>
              </w:rPr>
              <w:t xml:space="preserve"> for and behalf of:</w:t>
            </w:r>
          </w:p>
          <w:p w14:paraId="518E7349" w14:textId="77777777" w:rsidR="00523984" w:rsidRPr="00A94170" w:rsidRDefault="00523984" w:rsidP="007C7EC3">
            <w:pPr>
              <w:jc w:val="center"/>
              <w:rPr>
                <w:rFonts w:ascii="Avenir LT Std 35 Light" w:eastAsia="Avenir" w:hAnsi="Avenir LT Std 35 Light" w:cs="Avenir"/>
                <w:b/>
                <w:sz w:val="16"/>
                <w:szCs w:val="16"/>
              </w:rPr>
            </w:pPr>
            <w:r w:rsidRPr="005A29DE">
              <w:rPr>
                <w:rFonts w:ascii="Avenir Book" w:hAnsi="Avenir Book"/>
                <w:b/>
                <w:bCs/>
                <w:color w:val="000000"/>
                <w:sz w:val="16"/>
                <w:szCs w:val="16"/>
              </w:rPr>
              <w:t>Food Panda Philippines, Inc</w:t>
            </w:r>
            <w:r w:rsidRPr="005A29DE">
              <w:rPr>
                <w:rFonts w:ascii="Avenir Book" w:eastAsia="Avenir" w:hAnsi="Avenir Book" w:cs="Avenir"/>
                <w:b/>
                <w:bCs/>
                <w:sz w:val="16"/>
                <w:szCs w:val="16"/>
              </w:rPr>
              <w:t>.</w:t>
            </w:r>
            <w:r w:rsidRPr="005A29DE">
              <w:rPr>
                <w:rFonts w:ascii="Avenir Book" w:eastAsia="Avenir" w:hAnsi="Avenir Book" w:cs="Avenir"/>
                <w:bCs/>
                <w:sz w:val="16"/>
                <w:szCs w:val="16"/>
              </w:rPr>
              <w:t>)</w:t>
            </w:r>
          </w:p>
        </w:tc>
      </w:tr>
      <w:tr w:rsidR="00523984" w:rsidRPr="00A94170" w14:paraId="524B7977" w14:textId="77777777" w:rsidTr="007C7EC3">
        <w:trPr>
          <w:trHeight w:val="3057"/>
        </w:trPr>
        <w:tc>
          <w:tcPr>
            <w:tcW w:w="76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7BAB25E4" w14:textId="77777777" w:rsidR="00523984" w:rsidRPr="00A94170" w:rsidRDefault="00523984" w:rsidP="007C7EC3">
            <w:pPr>
              <w:ind w:left="100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Signature:</w:t>
            </w:r>
          </w:p>
        </w:tc>
        <w:tc>
          <w:tcPr>
            <w:tcW w:w="2069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6FD9A23F" w14:textId="77777777" w:rsidR="00523984" w:rsidRPr="00A94170" w:rsidRDefault="00523984" w:rsidP="007C7EC3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0B3245FF" w14:textId="77777777" w:rsidR="00523984" w:rsidRPr="00A94170" w:rsidRDefault="00523984" w:rsidP="007C7EC3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22B40BE6" w14:textId="77777777" w:rsidR="00523984" w:rsidRPr="00A94170" w:rsidRDefault="00523984" w:rsidP="007C7EC3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70393C3C" w14:textId="77777777" w:rsidR="00523984" w:rsidRPr="00A94170" w:rsidRDefault="00523984" w:rsidP="007C7EC3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5EC8C726" w14:textId="77777777" w:rsidR="00523984" w:rsidRDefault="00523984" w:rsidP="007C7EC3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1B58AB">
              <w:rPr>
                <w:rFonts w:ascii="Avenir LT Std 35 Light" w:eastAsia="Avenir" w:hAnsi="Avenir LT Std 35 Light" w:cs="Avenir"/>
                <w:sz w:val="16"/>
                <w:szCs w:val="16"/>
              </w:rPr>
              <w:t>Managing Directo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r</w:t>
            </w:r>
          </w:p>
          <w:p w14:paraId="578CF8A9" w14:textId="77777777" w:rsidR="00523984" w:rsidRPr="00A94170" w:rsidRDefault="00523984" w:rsidP="007C7EC3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562C4EE6" w14:textId="77777777" w:rsidR="00523984" w:rsidRPr="00A94170" w:rsidRDefault="00523984" w:rsidP="007C7EC3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7CDBAFC8" w14:textId="77777777" w:rsidR="00523984" w:rsidRDefault="00523984" w:rsidP="007C7EC3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Duly </w:t>
            </w:r>
            <w:proofErr w:type="spellStart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>Authorised</w:t>
            </w:r>
            <w:proofErr w:type="spellEnd"/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Signatory</w:t>
            </w:r>
          </w:p>
          <w:p w14:paraId="12F390E2" w14:textId="77777777" w:rsidR="00523984" w:rsidRDefault="00523984" w:rsidP="007C7EC3">
            <w:pPr>
              <w:spacing w:line="240" w:lineRule="auto"/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2509E015" w14:textId="71E6FE3C" w:rsidR="00523984" w:rsidRPr="00A94170" w:rsidRDefault="007B4D47" w:rsidP="007C7EC3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9B5209">
              <w:rPr>
                <w:rFonts w:ascii="Avenir LT Std 35 Light" w:eastAsia="Avenir" w:hAnsi="Avenir LT Std 35 Light" w:cs="Avenir"/>
                <w:sz w:val="16"/>
                <w:szCs w:val="16"/>
              </w:rPr>
              <w:drawing>
                <wp:inline distT="0" distB="0" distL="0" distR="0" wp14:anchorId="45B4456C" wp14:editId="2FD8235E">
                  <wp:extent cx="1132115" cy="499350"/>
                  <wp:effectExtent l="0" t="0" r="0" b="0"/>
                  <wp:docPr id="2" name="Picture 2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8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1168084" cy="51521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  <w:r w:rsidR="00523984"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</w:tc>
        <w:tc>
          <w:tcPr>
            <w:tcW w:w="2170" w:type="pct"/>
            <w:tcBorders>
              <w:top w:val="single" w:sz="6" w:space="0" w:color="000000"/>
              <w:left w:val="single" w:sz="6" w:space="0" w:color="000000"/>
              <w:bottom w:val="single" w:sz="6" w:space="0" w:color="000000"/>
              <w:right w:val="single" w:sz="6" w:space="0" w:color="000000"/>
            </w:tcBorders>
            <w:tcMar>
              <w:top w:w="100" w:type="dxa"/>
              <w:left w:w="100" w:type="dxa"/>
              <w:bottom w:w="100" w:type="dxa"/>
              <w:right w:w="100" w:type="dxa"/>
            </w:tcMar>
          </w:tcPr>
          <w:p w14:paraId="06E63F07" w14:textId="77777777" w:rsidR="00523984" w:rsidRDefault="00523984" w:rsidP="007C7EC3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4A0CA843" w14:textId="77777777" w:rsidR="00523984" w:rsidRDefault="00523984" w:rsidP="007C7EC3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629FFF6F" w14:textId="77777777" w:rsidR="00523984" w:rsidRPr="00A94170" w:rsidRDefault="00523984" w:rsidP="007C7EC3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2F173126" w14:textId="77777777" w:rsidR="00523984" w:rsidRDefault="00523984" w:rsidP="007C7EC3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27C540E5" w14:textId="77777777" w:rsidR="00523984" w:rsidRDefault="00523984" w:rsidP="007C7EC3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1B58AB">
              <w:rPr>
                <w:rFonts w:ascii="Avenir LT Std 35 Light" w:eastAsia="Avenir" w:hAnsi="Avenir LT Std 35 Light" w:cs="Avenir"/>
                <w:sz w:val="16"/>
                <w:szCs w:val="16"/>
              </w:rPr>
              <w:t>Sales Representative</w:t>
            </w:r>
          </w:p>
          <w:p w14:paraId="55574C9C" w14:textId="77777777" w:rsidR="00523984" w:rsidRDefault="00523984" w:rsidP="007C7EC3">
            <w:pPr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1122D816" w14:textId="77777777" w:rsidR="00523984" w:rsidRPr="00C13846" w:rsidRDefault="00523984" w:rsidP="007C7EC3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>___________________</w:t>
            </w:r>
          </w:p>
          <w:p w14:paraId="00C88E8D" w14:textId="77777777" w:rsidR="00523984" w:rsidRDefault="00523984" w:rsidP="007C7EC3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Duly </w:t>
            </w:r>
            <w:proofErr w:type="spellStart"/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>Authori</w:t>
            </w:r>
            <w:r>
              <w:rPr>
                <w:rFonts w:ascii="Avenir LT Std 35 Light" w:eastAsia="Avenir" w:hAnsi="Avenir LT Std 35 Light" w:cs="Avenir"/>
                <w:sz w:val="16"/>
                <w:szCs w:val="16"/>
              </w:rPr>
              <w:t>s</w:t>
            </w:r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>ed</w:t>
            </w:r>
            <w:proofErr w:type="spellEnd"/>
            <w:r w:rsidRPr="00C13846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Signatory</w:t>
            </w:r>
          </w:p>
          <w:p w14:paraId="2911606F" w14:textId="77777777" w:rsidR="00523984" w:rsidRDefault="00523984" w:rsidP="007C7EC3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>
              <w:rPr>
                <w:noProof/>
              </w:rPr>
              <mc:AlternateContent>
                <mc:Choice Requires="wps">
                  <w:drawing>
                    <wp:anchor distT="0" distB="0" distL="114300" distR="114300" simplePos="0" relativeHeight="251662336" behindDoc="0" locked="0" layoutInCell="1" allowOverlap="1" wp14:anchorId="3AD4FC4E" wp14:editId="17E00CF6">
                      <wp:simplePos x="0" y="0"/>
                      <wp:positionH relativeFrom="column">
                        <wp:posOffset>431018</wp:posOffset>
                      </wp:positionH>
                      <wp:positionV relativeFrom="paragraph">
                        <wp:posOffset>142191</wp:posOffset>
                      </wp:positionV>
                      <wp:extent cx="513080" cy="352057"/>
                      <wp:effectExtent l="0" t="0" r="0" b="3810"/>
                      <wp:wrapNone/>
                      <wp:docPr id="22" name="Rectangle 22"/>
                      <wp:cNvGraphicFramePr/>
                      <a:graphic xmlns:a="http://schemas.openxmlformats.org/drawingml/2006/main">
                        <a:graphicData uri="http://schemas.microsoft.com/office/word/2010/wordprocessingShape">
                          <wps:wsp>
                            <wps:cNvSpPr/>
                            <wps:spPr>
                              <a:xfrm>
                                <a:off x="0" y="0"/>
                                <a:ext cx="513080" cy="352057"/>
                              </a:xfrm>
                              <a:prstGeom prst="rect">
                                <a:avLst/>
                              </a:prstGeom>
                              <a:solidFill>
                                <a:schemeClr val="bg1"/>
                              </a:solidFill>
                              <a:ln>
                                <a:noFill/>
                              </a:ln>
                            </wps:spPr>
                            <wps:style>
                              <a:lnRef idx="2">
                                <a:schemeClr val="accent6"/>
                              </a:lnRef>
                              <a:fillRef idx="1">
                                <a:schemeClr val="lt1"/>
                              </a:fillRef>
                              <a:effectRef idx="0">
                                <a:schemeClr val="accent6"/>
                              </a:effectRef>
                              <a:fontRef idx="minor">
                                <a:schemeClr val="dk1"/>
                              </a:fontRef>
                            </wps:style>
                            <wps:txbx>
                              <w:txbxContent>
                                <w:p w14:paraId="359E1B78" w14:textId="77777777" w:rsidR="00523984" w:rsidRPr="00341AA3" w:rsidRDefault="00523984" w:rsidP="00523984">
                                  <w:pPr>
                                    <w:jc w:val="center"/>
                                    <w:rPr>
                                      <w:color w:val="FFFFFF" w:themeColor="background1"/>
                                    </w:rPr>
                                  </w:pPr>
                                  <w:r w:rsidRPr="00341AA3">
                                    <w:rPr>
                                      <w:color w:val="FFFFFF" w:themeColor="background1"/>
                                    </w:rPr>
                                    <w:t>\s1\</w:t>
                                  </w:r>
                                </w:p>
                              </w:txbxContent>
                            </wps:txbx>
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<a:prstTxWarp prst="textNoShape">
                                <a:avLst/>
                              </a:prstTxWarp>
                              <a:noAutofit/>
                            </wps:bodyPr>
                          </wps:wsp>
                        </a:graphicData>
                      </a:graphic>
                      <wp14:sizeRelH relativeFrom="margin">
                        <wp14:pctWidth>0</wp14:pctWidth>
                      </wp14:sizeRelH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rect w14:anchorId="3AD4FC4E" id="Rectangle 22" o:spid="_x0000_s1027" style="position:absolute;left:0;text-align:left;margin-left:33.95pt;margin-top:11.2pt;width:40.4pt;height:27.7pt;z-index:25166233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3;&#10;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" fillcolor="white [3212]" stroked="f" strokeweight="1pt">
                      <v:textbox>
                        <w:txbxContent>
                          <w:p w14:paraId="359E1B78" w14:textId="77777777" w:rsidR="00523984" w:rsidRPr="00341AA3" w:rsidRDefault="00523984" w:rsidP="00523984">
                            <w:pPr>
                              <w:jc w:val="center"/>
                              <w:rPr>
                                <w:color w:val="FFFFFF" w:themeColor="background1"/>
                              </w:rPr>
                            </w:pPr>
                            <w:r w:rsidRPr="00341AA3">
                              <w:rPr>
                                <w:color w:val="FFFFFF" w:themeColor="background1"/>
                              </w:rPr>
                              <w:t>\s1\</w:t>
                            </w:r>
                          </w:p>
                        </w:txbxContent>
                      </v:textbox>
                    </v:rect>
                  </w:pict>
                </mc:Fallback>
              </mc:AlternateContent>
            </w:r>
          </w:p>
          <w:p w14:paraId="1AAD586C" w14:textId="77777777" w:rsidR="00523984" w:rsidRPr="00A94170" w:rsidRDefault="00523984" w:rsidP="007C7EC3">
            <w:pPr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</w:p>
          <w:p w14:paraId="0725DAE7" w14:textId="77777777" w:rsidR="00523984" w:rsidRPr="00A94170" w:rsidRDefault="00523984" w:rsidP="007C7EC3">
            <w:pPr>
              <w:ind w:left="100"/>
              <w:jc w:val="center"/>
              <w:rPr>
                <w:rFonts w:ascii="Avenir LT Std 35 Light" w:eastAsia="Avenir" w:hAnsi="Avenir LT Std 35 Light" w:cs="Avenir"/>
                <w:sz w:val="16"/>
                <w:szCs w:val="16"/>
              </w:rPr>
            </w:pPr>
            <w:r w:rsidRPr="00A94170">
              <w:rPr>
                <w:rFonts w:ascii="Avenir LT Std 35 Light" w:eastAsia="Avenir" w:hAnsi="Avenir LT Std 35 Light" w:cs="Avenir"/>
                <w:sz w:val="16"/>
                <w:szCs w:val="16"/>
              </w:rPr>
              <w:t xml:space="preserve"> </w:t>
            </w:r>
          </w:p>
        </w:tc>
      </w:tr>
      <w:bookmarkEnd w:id="4"/>
    </w:tbl>
    <w:p w14:paraId="26852167" w14:textId="51111B97" w:rsidR="00264E88" w:rsidRPr="00F37C1B" w:rsidRDefault="00D2621C" w:rsidP="00C31F6E">
      <w:pPr>
        <w:spacing w:line="240" w:lineRule="auto"/>
        <w:rPr>
          <w:rFonts w:ascii="Avenir" w:eastAsia="Avenir" w:hAnsi="Avenir" w:cs="Avenir"/>
          <w:sz w:val="18"/>
          <w:szCs w:val="18"/>
        </w:rPr>
      </w:pPr>
    </w:p>
    <w:sectPr w:rsidR="00264E88" w:rsidRPr="00F37C1B" w:rsidSect="00B97CE5">
      <w:pgSz w:w="12240" w:h="15840"/>
      <w:pgMar w:top="1440" w:right="1530" w:bottom="1440" w:left="1440" w:header="720" w:footer="720" w:gutter="0"/>
      <w:pgNumType w:start="1"/>
      <w:cols w:space="720" w:equalWidth="0">
        <w:col w:w="9406"/>
      </w:cols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0735CB68" w14:textId="77777777" w:rsidR="00D2621C" w:rsidRDefault="00D2621C" w:rsidP="004B19EB">
      <w:pPr>
        <w:spacing w:line="240" w:lineRule="auto"/>
      </w:pPr>
      <w:r>
        <w:separator/>
      </w:r>
    </w:p>
  </w:endnote>
  <w:endnote w:type="continuationSeparator" w:id="0">
    <w:p w14:paraId="7EBE6195" w14:textId="77777777" w:rsidR="00D2621C" w:rsidRDefault="00D2621C" w:rsidP="004B19EB">
      <w:pPr>
        <w:spacing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  <w:font w:name="Avenir">
    <w:altName w:val="Calibri"/>
    <w:panose1 w:val="02000503020000020003"/>
    <w:charset w:val="00"/>
    <w:family w:val="auto"/>
    <w:pitch w:val="variable"/>
    <w:sig w:usb0="800000AF" w:usb1="5000204A" w:usb2="00000000" w:usb3="00000000" w:csb0="0000009B" w:csb1="00000000"/>
  </w:font>
  <w:font w:name="Avenir LT Std 35 Light">
    <w:panose1 w:val="020B0402020203020204"/>
    <w:charset w:val="4D"/>
    <w:family w:val="swiss"/>
    <w:pitch w:val="variable"/>
    <w:sig w:usb0="800000AF" w:usb1="5000204A" w:usb2="00000000" w:usb3="00000000" w:csb0="0000009B" w:csb1="00000000"/>
  </w:font>
  <w:font w:name="Avenir Book">
    <w:panose1 w:val="02000503020000020003"/>
    <w:charset w:val="00"/>
    <w:family w:val="auto"/>
    <w:pitch w:val="variable"/>
    <w:sig w:usb0="800000AF" w:usb1="5000204A" w:usb2="00000000" w:usb3="00000000" w:csb0="0000009B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15856D34" w14:textId="77777777" w:rsidR="00D2621C" w:rsidRDefault="00D2621C" w:rsidP="004B19EB">
      <w:pPr>
        <w:spacing w:line="240" w:lineRule="auto"/>
      </w:pPr>
      <w:r>
        <w:separator/>
      </w:r>
    </w:p>
  </w:footnote>
  <w:footnote w:type="continuationSeparator" w:id="0">
    <w:p w14:paraId="37FA919F" w14:textId="77777777" w:rsidR="00D2621C" w:rsidRDefault="00D2621C" w:rsidP="004B19EB">
      <w:pPr>
        <w:spacing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314979DB"/>
    <w:multiLevelType w:val="hybridMultilevel"/>
    <w:tmpl w:val="226017B8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47485097"/>
    <w:multiLevelType w:val="multilevel"/>
    <w:tmpl w:val="ECD2C664"/>
    <w:lvl w:ilvl="0">
      <w:start w:val="1"/>
      <w:numFmt w:val="decimal"/>
      <w:lvlText w:val="%1."/>
      <w:lvlJc w:val="left"/>
      <w:pPr>
        <w:ind w:left="720" w:hanging="360"/>
      </w:pPr>
      <w:rPr>
        <w:u w:val="none"/>
      </w:rPr>
    </w:lvl>
    <w:lvl w:ilvl="1">
      <w:start w:val="1"/>
      <w:numFmt w:val="lowerLetter"/>
      <w:lvlText w:val="%2."/>
      <w:lvlJc w:val="left"/>
      <w:pPr>
        <w:ind w:left="1440" w:hanging="360"/>
      </w:pPr>
      <w:rPr>
        <w:u w:val="none"/>
      </w:rPr>
    </w:lvl>
    <w:lvl w:ilvl="2">
      <w:start w:val="1"/>
      <w:numFmt w:val="lowerRoman"/>
      <w:lvlText w:val="%3."/>
      <w:lvlJc w:val="right"/>
      <w:pPr>
        <w:ind w:left="2160" w:hanging="360"/>
      </w:pPr>
      <w:rPr>
        <w:u w:val="none"/>
      </w:rPr>
    </w:lvl>
    <w:lvl w:ilvl="3">
      <w:start w:val="1"/>
      <w:numFmt w:val="decimal"/>
      <w:lvlText w:val="%4."/>
      <w:lvlJc w:val="left"/>
      <w:pPr>
        <w:ind w:left="2880" w:hanging="360"/>
      </w:pPr>
      <w:rPr>
        <w:u w:val="none"/>
      </w:rPr>
    </w:lvl>
    <w:lvl w:ilvl="4">
      <w:start w:val="1"/>
      <w:numFmt w:val="lowerLetter"/>
      <w:lvlText w:val="%5."/>
      <w:lvlJc w:val="left"/>
      <w:pPr>
        <w:ind w:left="3600" w:hanging="360"/>
      </w:pPr>
      <w:rPr>
        <w:u w:val="none"/>
      </w:rPr>
    </w:lvl>
    <w:lvl w:ilvl="5">
      <w:start w:val="1"/>
      <w:numFmt w:val="lowerRoman"/>
      <w:lvlText w:val="%6."/>
      <w:lvlJc w:val="right"/>
      <w:pPr>
        <w:ind w:left="4320" w:hanging="360"/>
      </w:pPr>
      <w:rPr>
        <w:u w:val="none"/>
      </w:rPr>
    </w:lvl>
    <w:lvl w:ilvl="6">
      <w:start w:val="1"/>
      <w:numFmt w:val="decimal"/>
      <w:lvlText w:val="%7."/>
      <w:lvlJc w:val="left"/>
      <w:pPr>
        <w:ind w:left="5040" w:hanging="360"/>
      </w:pPr>
      <w:rPr>
        <w:u w:val="none"/>
      </w:rPr>
    </w:lvl>
    <w:lvl w:ilvl="7">
      <w:start w:val="1"/>
      <w:numFmt w:val="lowerLetter"/>
      <w:lvlText w:val="%8."/>
      <w:lvlJc w:val="left"/>
      <w:pPr>
        <w:ind w:left="5760" w:hanging="360"/>
      </w:pPr>
      <w:rPr>
        <w:u w:val="none"/>
      </w:rPr>
    </w:lvl>
    <w:lvl w:ilvl="8">
      <w:start w:val="1"/>
      <w:numFmt w:val="lowerRoman"/>
      <w:lvlText w:val="%9."/>
      <w:lvlJc w:val="right"/>
      <w:pPr>
        <w:ind w:left="6480" w:hanging="360"/>
      </w:pPr>
      <w:rPr>
        <w:u w:val="none"/>
      </w:rPr>
    </w:lvl>
  </w:abstractNum>
  <w:abstractNum w:abstractNumId="2" w15:restartNumberingAfterBreak="0">
    <w:nsid w:val="522E6C18"/>
    <w:multiLevelType w:val="hybridMultilevel"/>
    <w:tmpl w:val="14042ACE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688A553E"/>
    <w:multiLevelType w:val="hybridMultilevel"/>
    <w:tmpl w:val="0C162A1C"/>
    <w:lvl w:ilvl="0" w:tplc="0409000F">
      <w:start w:val="1"/>
      <w:numFmt w:val="decimal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"/>
  </w:num>
  <w:num w:numId="2">
    <w:abstractNumId w:val="0"/>
  </w:num>
  <w:num w:numId="3">
    <w:abstractNumId w:val="3"/>
  </w:num>
  <w:num w:numId="4">
    <w:abstractNumId w:val="2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75"/>
  <w:proofState w:spelling="clean" w:grammar="clean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5E4E1C"/>
    <w:rsid w:val="00007039"/>
    <w:rsid w:val="00023E34"/>
    <w:rsid w:val="00024153"/>
    <w:rsid w:val="000328E6"/>
    <w:rsid w:val="00036E13"/>
    <w:rsid w:val="00045D90"/>
    <w:rsid w:val="0004775C"/>
    <w:rsid w:val="00080A12"/>
    <w:rsid w:val="0008139C"/>
    <w:rsid w:val="0008269F"/>
    <w:rsid w:val="000A7891"/>
    <w:rsid w:val="000B1115"/>
    <w:rsid w:val="000D249A"/>
    <w:rsid w:val="000D36DA"/>
    <w:rsid w:val="000D73F5"/>
    <w:rsid w:val="000F432D"/>
    <w:rsid w:val="000F7436"/>
    <w:rsid w:val="001066A5"/>
    <w:rsid w:val="00107318"/>
    <w:rsid w:val="00110722"/>
    <w:rsid w:val="00110D0F"/>
    <w:rsid w:val="00112C2C"/>
    <w:rsid w:val="00121763"/>
    <w:rsid w:val="00131DAB"/>
    <w:rsid w:val="001356DA"/>
    <w:rsid w:val="00135727"/>
    <w:rsid w:val="00151095"/>
    <w:rsid w:val="0015374F"/>
    <w:rsid w:val="00160CE5"/>
    <w:rsid w:val="00163FBD"/>
    <w:rsid w:val="00164027"/>
    <w:rsid w:val="0017315B"/>
    <w:rsid w:val="00176E4E"/>
    <w:rsid w:val="00181527"/>
    <w:rsid w:val="0018248E"/>
    <w:rsid w:val="00192379"/>
    <w:rsid w:val="001A57ED"/>
    <w:rsid w:val="001B3E48"/>
    <w:rsid w:val="001B40FB"/>
    <w:rsid w:val="001B58AB"/>
    <w:rsid w:val="001C04CB"/>
    <w:rsid w:val="001E1620"/>
    <w:rsid w:val="001E275A"/>
    <w:rsid w:val="001E4E28"/>
    <w:rsid w:val="001E5C4A"/>
    <w:rsid w:val="00201101"/>
    <w:rsid w:val="00206727"/>
    <w:rsid w:val="00215DC2"/>
    <w:rsid w:val="00225EF9"/>
    <w:rsid w:val="002313E6"/>
    <w:rsid w:val="00233A68"/>
    <w:rsid w:val="00234E66"/>
    <w:rsid w:val="00241D94"/>
    <w:rsid w:val="002463ED"/>
    <w:rsid w:val="00255F84"/>
    <w:rsid w:val="00260A12"/>
    <w:rsid w:val="002639C4"/>
    <w:rsid w:val="0027015F"/>
    <w:rsid w:val="00272F42"/>
    <w:rsid w:val="0029607A"/>
    <w:rsid w:val="00297B1C"/>
    <w:rsid w:val="002A24FB"/>
    <w:rsid w:val="002A2745"/>
    <w:rsid w:val="002A3C2E"/>
    <w:rsid w:val="002C1A7A"/>
    <w:rsid w:val="002C3E2E"/>
    <w:rsid w:val="002C46A5"/>
    <w:rsid w:val="002C4A4B"/>
    <w:rsid w:val="002C6B28"/>
    <w:rsid w:val="002D0ABB"/>
    <w:rsid w:val="002D3318"/>
    <w:rsid w:val="002D6E28"/>
    <w:rsid w:val="002E2D67"/>
    <w:rsid w:val="002E3278"/>
    <w:rsid w:val="002F23A3"/>
    <w:rsid w:val="003010A0"/>
    <w:rsid w:val="00302B61"/>
    <w:rsid w:val="0030787A"/>
    <w:rsid w:val="00316A84"/>
    <w:rsid w:val="0032640E"/>
    <w:rsid w:val="003265DE"/>
    <w:rsid w:val="00333692"/>
    <w:rsid w:val="00345CAC"/>
    <w:rsid w:val="00357810"/>
    <w:rsid w:val="00366934"/>
    <w:rsid w:val="00371921"/>
    <w:rsid w:val="00377C6B"/>
    <w:rsid w:val="00382077"/>
    <w:rsid w:val="00384BC4"/>
    <w:rsid w:val="003963C5"/>
    <w:rsid w:val="003A0BE6"/>
    <w:rsid w:val="003A30FF"/>
    <w:rsid w:val="003A6372"/>
    <w:rsid w:val="003B3016"/>
    <w:rsid w:val="003B5658"/>
    <w:rsid w:val="003C2A67"/>
    <w:rsid w:val="003D04E3"/>
    <w:rsid w:val="003D2179"/>
    <w:rsid w:val="003D2732"/>
    <w:rsid w:val="003D440B"/>
    <w:rsid w:val="003D67FE"/>
    <w:rsid w:val="003D6901"/>
    <w:rsid w:val="003D6960"/>
    <w:rsid w:val="003E04BB"/>
    <w:rsid w:val="003E7572"/>
    <w:rsid w:val="003F1719"/>
    <w:rsid w:val="003F3B08"/>
    <w:rsid w:val="004008B8"/>
    <w:rsid w:val="004025F4"/>
    <w:rsid w:val="00402B5A"/>
    <w:rsid w:val="00407580"/>
    <w:rsid w:val="004079EC"/>
    <w:rsid w:val="00407CF4"/>
    <w:rsid w:val="004104EA"/>
    <w:rsid w:val="00410702"/>
    <w:rsid w:val="00411FA2"/>
    <w:rsid w:val="004300B6"/>
    <w:rsid w:val="00443D19"/>
    <w:rsid w:val="004B19EB"/>
    <w:rsid w:val="004B5450"/>
    <w:rsid w:val="004C764A"/>
    <w:rsid w:val="004E10C9"/>
    <w:rsid w:val="004E62E3"/>
    <w:rsid w:val="004E6F58"/>
    <w:rsid w:val="004F13EE"/>
    <w:rsid w:val="004F3425"/>
    <w:rsid w:val="00505058"/>
    <w:rsid w:val="0050578C"/>
    <w:rsid w:val="00506711"/>
    <w:rsid w:val="00516564"/>
    <w:rsid w:val="00523984"/>
    <w:rsid w:val="005356B1"/>
    <w:rsid w:val="0054232C"/>
    <w:rsid w:val="00552793"/>
    <w:rsid w:val="005527A4"/>
    <w:rsid w:val="0055321D"/>
    <w:rsid w:val="005538CD"/>
    <w:rsid w:val="005573F1"/>
    <w:rsid w:val="00566D57"/>
    <w:rsid w:val="00584263"/>
    <w:rsid w:val="00585FB7"/>
    <w:rsid w:val="005869C3"/>
    <w:rsid w:val="00597A2D"/>
    <w:rsid w:val="005A0A6F"/>
    <w:rsid w:val="005A29DE"/>
    <w:rsid w:val="005A5E90"/>
    <w:rsid w:val="005B67D1"/>
    <w:rsid w:val="005B7080"/>
    <w:rsid w:val="005C02E2"/>
    <w:rsid w:val="005C1EFE"/>
    <w:rsid w:val="005C2834"/>
    <w:rsid w:val="005D3557"/>
    <w:rsid w:val="005D419F"/>
    <w:rsid w:val="005E235A"/>
    <w:rsid w:val="005E39ED"/>
    <w:rsid w:val="005E4E1C"/>
    <w:rsid w:val="00602D4F"/>
    <w:rsid w:val="00612C93"/>
    <w:rsid w:val="00624543"/>
    <w:rsid w:val="00626BA6"/>
    <w:rsid w:val="0063098D"/>
    <w:rsid w:val="00640C32"/>
    <w:rsid w:val="00641EC6"/>
    <w:rsid w:val="006423BA"/>
    <w:rsid w:val="006458EE"/>
    <w:rsid w:val="006479C4"/>
    <w:rsid w:val="0065285B"/>
    <w:rsid w:val="0066437F"/>
    <w:rsid w:val="006676AE"/>
    <w:rsid w:val="00667E18"/>
    <w:rsid w:val="006708BF"/>
    <w:rsid w:val="0067147F"/>
    <w:rsid w:val="00671567"/>
    <w:rsid w:val="00677BBF"/>
    <w:rsid w:val="00687594"/>
    <w:rsid w:val="006902A0"/>
    <w:rsid w:val="0069033C"/>
    <w:rsid w:val="00694F14"/>
    <w:rsid w:val="00696005"/>
    <w:rsid w:val="006A0C77"/>
    <w:rsid w:val="006A35A2"/>
    <w:rsid w:val="006B39AE"/>
    <w:rsid w:val="006B42B6"/>
    <w:rsid w:val="006C49F5"/>
    <w:rsid w:val="006C7A2B"/>
    <w:rsid w:val="006F5563"/>
    <w:rsid w:val="00711AB3"/>
    <w:rsid w:val="007139DF"/>
    <w:rsid w:val="007145B0"/>
    <w:rsid w:val="00715C70"/>
    <w:rsid w:val="00723C5B"/>
    <w:rsid w:val="00737734"/>
    <w:rsid w:val="0074146C"/>
    <w:rsid w:val="00742C37"/>
    <w:rsid w:val="00747724"/>
    <w:rsid w:val="007778CE"/>
    <w:rsid w:val="00781532"/>
    <w:rsid w:val="00784343"/>
    <w:rsid w:val="00792A5C"/>
    <w:rsid w:val="00793B8E"/>
    <w:rsid w:val="007B046E"/>
    <w:rsid w:val="007B1548"/>
    <w:rsid w:val="007B1F7A"/>
    <w:rsid w:val="007B4D47"/>
    <w:rsid w:val="007D4699"/>
    <w:rsid w:val="007D5ED5"/>
    <w:rsid w:val="007D7C55"/>
    <w:rsid w:val="007F4F84"/>
    <w:rsid w:val="007F50AF"/>
    <w:rsid w:val="007F673A"/>
    <w:rsid w:val="00802685"/>
    <w:rsid w:val="00815DD1"/>
    <w:rsid w:val="00823179"/>
    <w:rsid w:val="00826DA0"/>
    <w:rsid w:val="00836B9C"/>
    <w:rsid w:val="00840553"/>
    <w:rsid w:val="008414F6"/>
    <w:rsid w:val="00841F20"/>
    <w:rsid w:val="008450A7"/>
    <w:rsid w:val="00850598"/>
    <w:rsid w:val="00852AAC"/>
    <w:rsid w:val="0086566D"/>
    <w:rsid w:val="00877DA6"/>
    <w:rsid w:val="008909E0"/>
    <w:rsid w:val="0089452E"/>
    <w:rsid w:val="008A6000"/>
    <w:rsid w:val="008A7850"/>
    <w:rsid w:val="008B3348"/>
    <w:rsid w:val="008C232E"/>
    <w:rsid w:val="008E1EA0"/>
    <w:rsid w:val="008E1F50"/>
    <w:rsid w:val="008E5399"/>
    <w:rsid w:val="008E6F6E"/>
    <w:rsid w:val="008F3D0E"/>
    <w:rsid w:val="00902358"/>
    <w:rsid w:val="00907AA2"/>
    <w:rsid w:val="00912F1D"/>
    <w:rsid w:val="00913DAD"/>
    <w:rsid w:val="00931BAD"/>
    <w:rsid w:val="00933CEF"/>
    <w:rsid w:val="00934BCD"/>
    <w:rsid w:val="00936AD0"/>
    <w:rsid w:val="00943811"/>
    <w:rsid w:val="00953721"/>
    <w:rsid w:val="009567DF"/>
    <w:rsid w:val="00960E5F"/>
    <w:rsid w:val="0097090B"/>
    <w:rsid w:val="009840F5"/>
    <w:rsid w:val="009846B4"/>
    <w:rsid w:val="00984C98"/>
    <w:rsid w:val="0099007B"/>
    <w:rsid w:val="00992038"/>
    <w:rsid w:val="009931DB"/>
    <w:rsid w:val="009A2B7F"/>
    <w:rsid w:val="009A638F"/>
    <w:rsid w:val="009C116B"/>
    <w:rsid w:val="009C4880"/>
    <w:rsid w:val="009D3343"/>
    <w:rsid w:val="009D6552"/>
    <w:rsid w:val="009E35F1"/>
    <w:rsid w:val="009E3E35"/>
    <w:rsid w:val="009F4819"/>
    <w:rsid w:val="009F63E9"/>
    <w:rsid w:val="00A20706"/>
    <w:rsid w:val="00A31FFB"/>
    <w:rsid w:val="00A32B36"/>
    <w:rsid w:val="00A37C70"/>
    <w:rsid w:val="00A44EAC"/>
    <w:rsid w:val="00A5433B"/>
    <w:rsid w:val="00A60857"/>
    <w:rsid w:val="00A6157A"/>
    <w:rsid w:val="00A8305B"/>
    <w:rsid w:val="00A8393E"/>
    <w:rsid w:val="00A8443B"/>
    <w:rsid w:val="00A93B2A"/>
    <w:rsid w:val="00A94170"/>
    <w:rsid w:val="00AA387D"/>
    <w:rsid w:val="00AA4ECB"/>
    <w:rsid w:val="00AA7C61"/>
    <w:rsid w:val="00AB57CB"/>
    <w:rsid w:val="00AC46D1"/>
    <w:rsid w:val="00B163EC"/>
    <w:rsid w:val="00B40A03"/>
    <w:rsid w:val="00B5038C"/>
    <w:rsid w:val="00B5391E"/>
    <w:rsid w:val="00B56A8F"/>
    <w:rsid w:val="00B6037F"/>
    <w:rsid w:val="00B65C61"/>
    <w:rsid w:val="00B66703"/>
    <w:rsid w:val="00B72145"/>
    <w:rsid w:val="00B75AAB"/>
    <w:rsid w:val="00B8052B"/>
    <w:rsid w:val="00B926E2"/>
    <w:rsid w:val="00B9307A"/>
    <w:rsid w:val="00B97228"/>
    <w:rsid w:val="00BA311E"/>
    <w:rsid w:val="00BB73C2"/>
    <w:rsid w:val="00BC6FE1"/>
    <w:rsid w:val="00BD2793"/>
    <w:rsid w:val="00BD6BF5"/>
    <w:rsid w:val="00BE7BBB"/>
    <w:rsid w:val="00BF0C58"/>
    <w:rsid w:val="00BF1B85"/>
    <w:rsid w:val="00BF1D51"/>
    <w:rsid w:val="00BF39D4"/>
    <w:rsid w:val="00BF4E4B"/>
    <w:rsid w:val="00BF779B"/>
    <w:rsid w:val="00C01497"/>
    <w:rsid w:val="00C105B9"/>
    <w:rsid w:val="00C10ECF"/>
    <w:rsid w:val="00C31F6E"/>
    <w:rsid w:val="00C51A47"/>
    <w:rsid w:val="00C61CA1"/>
    <w:rsid w:val="00C625EF"/>
    <w:rsid w:val="00C71771"/>
    <w:rsid w:val="00C73BDA"/>
    <w:rsid w:val="00C92DF5"/>
    <w:rsid w:val="00CA0ED6"/>
    <w:rsid w:val="00CA2772"/>
    <w:rsid w:val="00CA43B9"/>
    <w:rsid w:val="00CA559F"/>
    <w:rsid w:val="00CB2384"/>
    <w:rsid w:val="00CC0824"/>
    <w:rsid w:val="00CC27E0"/>
    <w:rsid w:val="00CC3D3C"/>
    <w:rsid w:val="00CC40D6"/>
    <w:rsid w:val="00CE2BE5"/>
    <w:rsid w:val="00CF42F2"/>
    <w:rsid w:val="00CF478C"/>
    <w:rsid w:val="00CF59FB"/>
    <w:rsid w:val="00D066BD"/>
    <w:rsid w:val="00D10F7A"/>
    <w:rsid w:val="00D120E5"/>
    <w:rsid w:val="00D12BA4"/>
    <w:rsid w:val="00D17ADB"/>
    <w:rsid w:val="00D22F4F"/>
    <w:rsid w:val="00D2621C"/>
    <w:rsid w:val="00D46D6D"/>
    <w:rsid w:val="00D60C2D"/>
    <w:rsid w:val="00D74847"/>
    <w:rsid w:val="00D8024E"/>
    <w:rsid w:val="00D86FD9"/>
    <w:rsid w:val="00D90AA0"/>
    <w:rsid w:val="00DA768D"/>
    <w:rsid w:val="00DB37E3"/>
    <w:rsid w:val="00DC064F"/>
    <w:rsid w:val="00DC42D2"/>
    <w:rsid w:val="00DD2BDE"/>
    <w:rsid w:val="00DE2A2D"/>
    <w:rsid w:val="00DE3CF5"/>
    <w:rsid w:val="00E01853"/>
    <w:rsid w:val="00E1092D"/>
    <w:rsid w:val="00E1257F"/>
    <w:rsid w:val="00E12E1B"/>
    <w:rsid w:val="00E1640E"/>
    <w:rsid w:val="00E164B0"/>
    <w:rsid w:val="00E30908"/>
    <w:rsid w:val="00E34F87"/>
    <w:rsid w:val="00E353B4"/>
    <w:rsid w:val="00E36409"/>
    <w:rsid w:val="00E378CC"/>
    <w:rsid w:val="00E533B2"/>
    <w:rsid w:val="00E77538"/>
    <w:rsid w:val="00E914D5"/>
    <w:rsid w:val="00EC1A44"/>
    <w:rsid w:val="00EC52BD"/>
    <w:rsid w:val="00EC59D6"/>
    <w:rsid w:val="00ED6FB9"/>
    <w:rsid w:val="00EE0EF6"/>
    <w:rsid w:val="00EE6BAD"/>
    <w:rsid w:val="00EF5713"/>
    <w:rsid w:val="00EF6A73"/>
    <w:rsid w:val="00F03685"/>
    <w:rsid w:val="00F06340"/>
    <w:rsid w:val="00F10D96"/>
    <w:rsid w:val="00F10FDF"/>
    <w:rsid w:val="00F16E60"/>
    <w:rsid w:val="00F1741C"/>
    <w:rsid w:val="00F37202"/>
    <w:rsid w:val="00F37C1B"/>
    <w:rsid w:val="00F53D33"/>
    <w:rsid w:val="00F54FC6"/>
    <w:rsid w:val="00F578E4"/>
    <w:rsid w:val="00F63600"/>
    <w:rsid w:val="00F662F0"/>
    <w:rsid w:val="00F66EE6"/>
    <w:rsid w:val="00F7189A"/>
    <w:rsid w:val="00F752D5"/>
    <w:rsid w:val="00F824AD"/>
    <w:rsid w:val="00F86D0D"/>
    <w:rsid w:val="00F92F08"/>
    <w:rsid w:val="00F97222"/>
    <w:rsid w:val="00F97C2A"/>
    <w:rsid w:val="00FA5A1B"/>
    <w:rsid w:val="00FE4FE4"/>
    <w:rsid w:val="00FE740C"/>
    <w:rsid w:val="00FF5AB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,"/>
  <w14:docId w14:val="153D18DB"/>
  <w15:chartTrackingRefBased/>
  <w15:docId w15:val="{037B9096-5AD7-42E1-ABEA-7C50C0221D6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Theme="minorHAnsi" w:hAnsiTheme="minorHAnsi" w:cstheme="minorBidi"/>
        <w:sz w:val="22"/>
        <w:szCs w:val="22"/>
        <w:lang w:val="de-D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sid w:val="004B19EB"/>
    <w:pPr>
      <w:spacing w:after="0" w:line="276" w:lineRule="auto"/>
    </w:pPr>
    <w:rPr>
      <w:rFonts w:ascii="Arial" w:eastAsia="Arial" w:hAnsi="Arial" w:cs="Arial"/>
      <w:lang w:val="en" w:eastAsia="de-DE"/>
    </w:rPr>
  </w:style>
  <w:style w:type="paragraph" w:styleId="Heading1">
    <w:name w:val="heading 1"/>
    <w:basedOn w:val="Normal"/>
    <w:next w:val="Normal"/>
    <w:link w:val="Heading1Char"/>
    <w:uiPriority w:val="9"/>
    <w:qFormat/>
    <w:rsid w:val="004B19EB"/>
    <w:pPr>
      <w:keepNext/>
      <w:keepLines/>
      <w:spacing w:before="400" w:after="120"/>
      <w:outlineLvl w:val="0"/>
    </w:pPr>
    <w:rPr>
      <w:sz w:val="40"/>
      <w:szCs w:val="40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F824AD"/>
    <w:pPr>
      <w:keepNext/>
      <w:keepLines/>
      <w:spacing w:before="40"/>
      <w:outlineLvl w:val="2"/>
    </w:pPr>
    <w:rPr>
      <w:rFonts w:asciiTheme="majorHAnsi" w:eastAsiaTheme="majorEastAsia" w:hAnsiTheme="majorHAnsi" w:cstheme="majorBidi"/>
      <w:color w:val="1F3763" w:themeColor="accent1" w:themeShade="7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4B19EB"/>
    <w:rPr>
      <w:rFonts w:ascii="Arial" w:eastAsia="Arial" w:hAnsi="Arial" w:cs="Arial"/>
      <w:sz w:val="40"/>
      <w:szCs w:val="40"/>
      <w:lang w:val="en" w:eastAsia="de-DE"/>
    </w:rPr>
  </w:style>
  <w:style w:type="paragraph" w:styleId="ListParagraph">
    <w:name w:val="List Paragraph"/>
    <w:basedOn w:val="Normal"/>
    <w:uiPriority w:val="34"/>
    <w:qFormat/>
    <w:rsid w:val="00D12BA4"/>
    <w:pPr>
      <w:ind w:left="720"/>
      <w:contextualSpacing/>
    </w:pPr>
  </w:style>
  <w:style w:type="character" w:customStyle="1" w:styleId="Heading3Char">
    <w:name w:val="Heading 3 Char"/>
    <w:basedOn w:val="DefaultParagraphFont"/>
    <w:link w:val="Heading3"/>
    <w:uiPriority w:val="9"/>
    <w:semiHidden/>
    <w:rsid w:val="00F824AD"/>
    <w:rPr>
      <w:rFonts w:asciiTheme="majorHAnsi" w:eastAsiaTheme="majorEastAsia" w:hAnsiTheme="majorHAnsi" w:cstheme="majorBidi"/>
      <w:color w:val="1F3763" w:themeColor="accent1" w:themeShade="7F"/>
      <w:sz w:val="24"/>
      <w:szCs w:val="24"/>
      <w:lang w:val="en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ivs>
    <w:div w:id="5998401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221101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68782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793930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54119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175117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0174866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1151972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761</TotalTime>
  <Pages>7</Pages>
  <Words>552</Words>
  <Characters>3153</Characters>
  <Application>Microsoft Office Word</Application>
  <DocSecurity>0</DocSecurity>
  <Lines>26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69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Shravya Rama</dc:creator>
  <cp:keywords/>
  <dc:description/>
  <cp:lastModifiedBy>Mantas Jurkūnas</cp:lastModifiedBy>
  <cp:revision>390</cp:revision>
  <cp:lastPrinted>2019-09-13T15:34:00Z</cp:lastPrinted>
  <dcterms:created xsi:type="dcterms:W3CDTF">2019-09-12T14:15:00Z</dcterms:created>
  <dcterms:modified xsi:type="dcterms:W3CDTF">2020-05-19T10:53:00Z</dcterms:modified>
</cp:coreProperties>
</file>